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8\"/>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784" uniqueCount="534">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21/11/2020</t>
  </si>
  <si>
    <t>07:00:00:00</t>
  </si>
  <si>
    <t>N0012084</t>
  </si>
  <si>
    <t>Ma vie est un zoo ! : L'hippo est arrivé !</t>
  </si>
  <si>
    <t>My Life is a Zoo</t>
  </si>
  <si>
    <t>The Hippo Has Landed</t>
  </si>
  <si>
    <t>00:44</t>
  </si>
  <si>
    <t>United States</t>
  </si>
  <si>
    <t>Le mois de juin vient à peine de commencer, mais au zoo de la famille DeYoung, un zoo privé dans la péninsule supérieure du Michigan, la saison estivale a déjà bien débuté. Bud et Carrie sont sur le qui-vive car a lieu aujourd'hui la plus grande arrivée au zoo. Après un voyage de 18 000 km, Wallace, un bébé hippopotame de 180 kg, arrive de Jakarta. Avec l'aide de quelques carottes savoureuses, le zoo accueille enfin son nouveau hippo - maintenant Bud et Carrie ont juste à le nourrir! Par ailleurs, Carrie vient de lancer un centre de secours des animaux - Piper's Place - et espère qu'un événement de collecte de fonds va apporter l'argent dont elle a besoin. Les ballons sont gonflés et le gâteau est coupé, mais Carrie arrivera-t-elle à ramener les milliers de dollars nécessaires au maintien de Piper Place?</t>
  </si>
  <si>
    <t>07:45:00:00</t>
  </si>
  <si>
    <t>N0011871</t>
  </si>
  <si>
    <t>Ma vie est un zoo ! : Tempête de neige</t>
  </si>
  <si>
    <t>My Life Is A Zoo (ONE OFF)</t>
  </si>
  <si>
    <t>00:46</t>
  </si>
  <si>
    <t>Alors que Bud et Carrie se préparent à l'arrivée d'un nouveau membre du zoo, le nord du Michigan est frappé par une précoce et inattendue tempête de neige. Mais la vie ne suspend jamais son cours lorsque vous avez 400 bouches à nourrir...Il faut nettoyer les cages, déneiger les enclos, et un étalon sauvage à secourir dans la ferme voisine. Tandis que la température continue de chuter, l'accouchement d'une panthère des neiges conduit à la fois à un grand bonheur et une tragédie.</t>
  </si>
  <si>
    <t>08:40:00:00</t>
  </si>
  <si>
    <t>P0898304</t>
  </si>
  <si>
    <t>Snakes In The City : Terreur à la maternelle</t>
  </si>
  <si>
    <t>Snakes In The City</t>
  </si>
  <si>
    <t>Kindergarten Terror</t>
  </si>
  <si>
    <t>00:43</t>
  </si>
  <si>
    <t>Dans cet épisode, Sioux se retrouve nez à nez avec un mamba vert, Simon manque d’être mordu par un mamba noir et nos deux compères capturent deux étranges serpents qui n’ont rien à faire à Durban.</t>
  </si>
  <si>
    <t>09:30:00:00</t>
  </si>
  <si>
    <t>P0898305</t>
  </si>
  <si>
    <t>Snakes In The City : Terreur dans un quartier résidentiel</t>
  </si>
  <si>
    <t>Housing Estate Horror</t>
  </si>
  <si>
    <t>Dans cet épisode, un gigantesque mamba noir se cache sous l’évier d’une cuisine. Simon déchire un canapé pour débusquer un serpent cracheur et grimpe à un arbre afin de capturer un serpent très venimeux de l’espèce Ahaetulla nasuta.</t>
  </si>
  <si>
    <t>10:20:00:00</t>
  </si>
  <si>
    <t>P0814140</t>
  </si>
  <si>
    <t>Snakes In The City : L’invasion des mambas</t>
  </si>
  <si>
    <t>Snake City Compilations</t>
  </si>
  <si>
    <t>Mamba Hotline</t>
  </si>
  <si>
    <t>À Durban, en Afrique du Sud, la saison des serpents bat son plein. L’attrapeur de serpents de rue Simon Keys et sa petite amie herpétologiste Siouxsie Gillett viennent chaque été à la rescousse de cette ville où résonnent des cris d’horreur. À l’arrivée des fortes chaleurs, des serpents venimeux mortels se faufilent dans les maisons, les bureaux et les usines depuis les parcelles sauvages environnantes. Si la jungle a disparu, ce n’est pas le cas des serpents ! Presque tous les serpents les plus dangereux d’Afrique se réunissent dans cette ville qui compte deux millions et demi d’habitants et presque autant de ces reptiles. Pris de peur, les résidents tentent généralement de tuer ces serpents envahisseurs. L’objectif de Simon et de Siouxsie est de leur mettre la main dessus et de les relâcher dans la nature. En prime, ils sauveront quelques vies humaines au passage.</t>
  </si>
  <si>
    <t>11:10:00:00</t>
  </si>
  <si>
    <t>N0024049</t>
  </si>
  <si>
    <t>Votre chien est-il un génie?</t>
  </si>
  <si>
    <t>Is Your Dog A Genius?</t>
  </si>
  <si>
    <t>Who's Your Doggy?</t>
  </si>
  <si>
    <t>Votre chien peut-il être plus intelligent que vous ? Enfreint-il les règles derrière votre dos ? Le Dr Brian Hare a élaboré une série de tests scientifiques permettant de révéler les stratégies uniques adoptées par votre chien. Découvrez comment améliorer la relation que vous entretenez avec votre animal.</t>
  </si>
  <si>
    <t>12:00:00:00</t>
  </si>
  <si>
    <t>P0850739</t>
  </si>
  <si>
    <t>Le refuge du bonheur : Les enfants vont bien</t>
  </si>
  <si>
    <t>Bandit Patrol Compilations</t>
  </si>
  <si>
    <t>The Kids Are Alright</t>
  </si>
  <si>
    <t>Lorsque les soigneurs d’espèces sauvages ont besoin d’un coup de main, ils font généralement appel à leurs enfants. Certains suivent même les traces de leur mère et deviennent, à leur tour, rééducateurs. La famille Allen accueille un bébé vison dont la mère a été abattue avant même que celui-ci n’ouvre les yeux. Nikki et sa fille Jaci rééduquent de petits ratons laveurs et leur apprennent à pêcher. De leur côté, Nancy et sa fille Whitney portent secours à des bébés mouffettes orphelines et déshydratées. Enfin, Grant bâtit un nouveau nid pour une buse à queue rousse dans un très grand arbre.</t>
  </si>
  <si>
    <t>12:50:00:00</t>
  </si>
  <si>
    <t>N0023077</t>
  </si>
  <si>
    <t>Le refuge du bonheur du raton-laveur</t>
  </si>
  <si>
    <t>Bandit Patrol</t>
  </si>
  <si>
    <t>Blood, Sweat, and Raccoons</t>
  </si>
  <si>
    <t xml:space="preserve">Mordues par un écureuil malade ou confrontées à un raton laveur agressif, Nancy et Kristin se rappellent que les animaux dont elles s'occupent sont imprévisibles. Chez Kristin Allen, la fin de l'hiver amène à se demander quels sont les animaux qu'elle a recueillis qui sont prêts à être relâchés. C'est une joie de voir cette famille de ratons laveurs, dont elle a pris soin avec son frère Grant, retourner dans son habitat naturel. Mais ce bonheur est vite rattrapé par son inquiétude pour une chouette rayée gravement blessée. Pendant ce temps, Linda et Max reçoivent la visite d'une policière qui a découvert un raton laveur adulte dans sa grange. Une visite chez le vétérinaire et les talents de détective de Max montrent que ce nouveau pensionnaire pourrait bien rester plus longtemps que prévu.
</t>
  </si>
  <si>
    <t>13:40:00:00</t>
  </si>
  <si>
    <t>N0023058</t>
  </si>
  <si>
    <t>Le refuge du bonheur d'une biche</t>
  </si>
  <si>
    <t>Oh Deer!</t>
  </si>
  <si>
    <t xml:space="preserve">Le temps plus chaud marque le début de la saison des naissances, apportant avec elle de nouvelles urgences pour nos spécialistes de la réhabilitation des animaux sauvages. Juste après la frontière de l'État, une biche enceinte est coincée dans une clôture et perd rapidement son sang par sa blessure à la patte. Linda arrive sur les lieux. Elle doit trouver comment libérer la mère, sans risques pour le faon. De son côté, Nancy vient en aide à un écureuil blessé par une voiture mais la situation s'annonce compliquée. L'animal, sévèrement touché à la tête porte apparemment des petits. Avec l'aide du vétérinaire, Kristine et Grant secourent une chouette rayée dont la réhabilitation sera longue.
</t>
  </si>
  <si>
    <t>14:25:00:00</t>
  </si>
  <si>
    <t>P0949081</t>
  </si>
  <si>
    <t>Europe, continent sauvage : Au chevet des ours d’Europe</t>
  </si>
  <si>
    <t>Europe's New Wild</t>
  </si>
  <si>
    <t>Saving Europe's Bears</t>
  </si>
  <si>
    <t>00:45</t>
  </si>
  <si>
    <t>Netherlands</t>
  </si>
  <si>
    <t>En Italie et en Croatie, plusieurs mesures destinées à la sauvegarde d’une espèce d’ours rare permettent à de nombreux autres animaux et à divers territoires de prospérer.</t>
  </si>
  <si>
    <t>15:15:00:00</t>
  </si>
  <si>
    <t>P0949082</t>
  </si>
  <si>
    <t>Europe, continent sauvage : L’Amazonie d’Europe</t>
  </si>
  <si>
    <t>Europe's Amazon</t>
  </si>
  <si>
    <t>Depuis la Forêt-Noire allemande, le Danube poursuit son cours sur 3 000 kilomètres à l’est jusqu’à la mer Noire, où il se divise en centaines de canaux entrelacés qui composent plus de 4 000 kilomètres carrés du delta du Danube. Ce fleuve alimente une multitude d’habitats naturels où vivent plus de 300 incroyables espèces d’oiseaux de milieux humides, plus de 40 espèces de mammifères, ainsi que des centaines d’amphibiens, de poissons et d’insectes. Alors que le delta gagne du terrain sur la mer Noire chaque année, son avenir repose aujourd’hui entre les mains des défenseurs de l’environnement qui œuvrent pour la préservation de ces habitats uniques et fragiles.</t>
  </si>
  <si>
    <t>16:00:00:00</t>
  </si>
  <si>
    <t>N0019769</t>
  </si>
  <si>
    <t>Wild West : Le désert aride</t>
  </si>
  <si>
    <t>The Wild West</t>
  </si>
  <si>
    <t>High Noon</t>
  </si>
  <si>
    <t>Dans le désert du Far West, un groupe de faucons chasse au milieu des cactus. La longue sécheresse laisse finalement place à la pluie et la terre craquelée à des fleurs magnifiques, mais mortelles... Et oui, même dans le désert les plantes sont armées ! L'endroit abrite également un des plus petits hiboux du monde, qui n'est qu'un amuse-bouche pour les coyotes affamés, mais attention, eux aussi peuvent tuer !</t>
  </si>
  <si>
    <t>16:45:00:00</t>
  </si>
  <si>
    <t>P0915883</t>
  </si>
  <si>
    <t>L’incroyable Dr Pol - P’tits bouts : Porcelet en péril</t>
  </si>
  <si>
    <t>Incredible Dr. Pol - Mini Moo! S4</t>
  </si>
  <si>
    <t>Grub-A-Dub-Dub</t>
  </si>
  <si>
    <t>00:21</t>
  </si>
  <si>
    <t xml:space="preserve">Cette semaine à la clinique de l’incroyable Dr Pol, traumatismes et drames sont au programme. Toute l’équipe vétérinaire doit unir ses forces pour sauver la vie d’un porcelet en danger. Mais le personnel de la clinique n’est pas au bout de ses peines : des veaux boursouflés, des chats infestés d’asticots et même un émeu blessé sont au rendez-vous. Dr Emily s’occupe d’un patient pour le moins particulier qu’elle se refuse d’abandonner. </t>
  </si>
  <si>
    <t>17:10:00:00</t>
  </si>
  <si>
    <t>P0885648</t>
  </si>
  <si>
    <t>L'incroyable Dr Pol : Chattitude</t>
  </si>
  <si>
    <t>The Incredible Dr. Pol Compilations</t>
  </si>
  <si>
    <t>Cat-Titude!</t>
  </si>
  <si>
    <t>00:42</t>
  </si>
  <si>
    <t>Qu’ils bondissent ou ronronnent, les chats sont parmi nos compagnons préférés. Des chatons errants aux minets au pelage soyeux, l’équipe de la clinique soigne tous nos acolytes à moustaches. Cet épisode met à l’honneur nos félins duveteux.</t>
  </si>
  <si>
    <t>18:05:00:00</t>
  </si>
  <si>
    <t>P0885649</t>
  </si>
  <si>
    <t>L'incroyable Dr Pol : Nos toutous bien-aimés</t>
  </si>
  <si>
    <t>Doggone It!</t>
  </si>
  <si>
    <t>Du plus petit des chiots au plus grand dogue allemand, le chien est le meilleur ami de l’homme. À Weidman, dans le Michigan, les propriétaires d’animaux de compagnie ainsi que les vétérinaires de la clinique feraient n’importe quoi pour leurs acolytes canins. Bagarre de chiens, infestation de puces ou accident fortuit… Quelle que soit la situation, Dr Pol et son équipe remettent nos compagnons canins sur leurs pattes. Cet épisode sera exclusivement consacré à nos toutous bien-aimés.</t>
  </si>
  <si>
    <t>19:00:00:00</t>
  </si>
  <si>
    <t>P0853064</t>
  </si>
  <si>
    <t>L'incroyable Dr Pol : Le livre des records du docteur Pol</t>
  </si>
  <si>
    <t>Guinness Book of Pol Records</t>
  </si>
  <si>
    <t>Les situations les plus extrêmes font partie du lot quotidien des vétérinaires de campagne de la clinique. Le Dr Pol et son équipe doivent soigner des cas très difficiles dans des conditions souvent extrêmes. Des juments grincheuses aux pitbulls fouineurs, en passant par des vêlages par temps glacial et par des opérations délicates de cochons d’Inde, les docteurs ne renoncent jamais à soigner les cas inédits à l’aide des traitements les plus innovants. Dans cet épisode, nous reviendrons sur les situations que l’on ne voit qu’à la clinique Pol.</t>
  </si>
  <si>
    <t>19:55:00:00</t>
  </si>
  <si>
    <t>P0853065</t>
  </si>
  <si>
    <t>L'incroyable Dr Pol : Comme chien et chat</t>
  </si>
  <si>
    <t>The Whole Kitten Ca-Poodle</t>
  </si>
  <si>
    <t>La meute débarque à la clinique du Dr Pol ! Quel que soit votre meilleur ami à quatre pattes, sa santé passe avant tout. Entre un teckel électrique, un siamois fougueux, des labradors adorables et des rottweilers bagarreurs, la journée des vétérinaires est bien remplie. Dans cet épisode, nous passerons en revue les chiens et chats les plus soyeux, les plus poilus et les plus rebelles auxquels a eu affaire l’équipe du Dr Pol.</t>
  </si>
  <si>
    <t>20:45:00:00</t>
  </si>
  <si>
    <t>N0023901</t>
  </si>
  <si>
    <t>Drôles d'amis : Le Chihuahua et le poussin</t>
  </si>
  <si>
    <t>Unlikely Animal Friends</t>
  </si>
  <si>
    <t>The Chihuaua And The Chicken</t>
  </si>
  <si>
    <t>Dans chaque épisode, retrouvez une histoire d'amitié hors du commun entre deux animaux d'espèces différentes ou entre l'homme et l'animal. Un chihuahua à deux pattes et un poussin, un montagnard aventureux et son chat adepte de l'escalade ou encore une chèvre qui refuse de se séparer de son âne bien aimé, découvrez des histoires d'amitié incroyables et pleines de tendresse.</t>
  </si>
  <si>
    <t>21:40:00:00</t>
  </si>
  <si>
    <t>N0023627</t>
  </si>
  <si>
    <t>Drôles d'amis : L'histoire du cacatoès et de Kitty</t>
  </si>
  <si>
    <t>The Tale of The Cockatoo And The Kitty Cat</t>
  </si>
  <si>
    <t>Dans chaque épisode, retrouvez une histoire d'amitié hors du commun entre deux animaux d'espèces différentes ou entre l'homme et l'animal. Vous avez déjà vu un cacatoès faire un massage à un félin ? Et bien ce sera chose faite dans ce nouvel épisode. Découvrez également un californien et sa chèvre surfeuse ou encore un chien de chasse ami avec un hibou. Retrouvez des histoires d'amitié incroyables et pleines de tendresse.</t>
  </si>
  <si>
    <t>22:30:00:00</t>
  </si>
  <si>
    <t>Dr. Oakley: Yukon Vet</t>
  </si>
  <si>
    <t>Rescuers Down Under (90 Min Version)</t>
  </si>
  <si>
    <t>La vétérinaire Michelle Oakley revient pour une 6e saison au chevet des animaux, domestiques comme sauvages.</t>
  </si>
  <si>
    <t>24:10:00:00</t>
  </si>
  <si>
    <t>P0837369</t>
  </si>
  <si>
    <t>Michelle ou la vie sauvage : Le déménagement des bisons</t>
  </si>
  <si>
    <t>Bison Business</t>
  </si>
  <si>
    <t>Le temps est compté pour la docteure Oakley, aux prises avec un troupeau de bisons qui doit déménager. D’énormes bêtes de somme compliquent une procédure d’ordinaire très simple. Lucy le pitbull perd l’équilibre à cause de la glace. Suite à un traumatisme crânien, le pronostic vital d’un pygargue à tête blanche est engagé, tandis que les griffes bouclées d’un chat déconcertent la vétérinaire.</t>
  </si>
  <si>
    <t>24:55:00:00</t>
  </si>
  <si>
    <t>P0873046</t>
  </si>
  <si>
    <t>Destination Wild : Les merveilles de la Chine - Les fantômes de la forêt</t>
  </si>
  <si>
    <t>The Hidden Kingdoms of China</t>
  </si>
  <si>
    <t>Ghosts of the Mountain</t>
  </si>
  <si>
    <t>United Kingdom</t>
  </si>
  <si>
    <t>Au cœur de montagnes reculées, à environ 5 000 mètres d’altitude, les espèces sauvages les plus résilientes de Chine se battent quotidiennement pour leur survie. Suivez les traces d’un léopard des neiges, tandis qu’il enseigne à son héritier quelques leçons de vie. Observez une famille de renards du Tibet protéger sa progéniture contre un redoutable prédateur félin. Admirez l’agilité avec laquelle l’un des plus petits chats au monde avance à pas feutrés.</t>
  </si>
  <si>
    <t>25:40:00:00</t>
  </si>
  <si>
    <t>P0873047</t>
  </si>
  <si>
    <t>Destination Wild : Les merveilles de la Chine - Au cœur de la jungle secrète</t>
  </si>
  <si>
    <t>Realm of The Secret Jungle</t>
  </si>
  <si>
    <t>Lieu unique en Chine, les jungles du sud du Yunnan abritent une biodiversité sans pareil. Des primates aux ours, des chauves-souris bouledogues aux abeilles en passant par les éléphants et les chenilles, retracez l’histoire de ces animaux fascinants. Malgré des ressources abondantes, chaque espèce doit trouver le moyen de s’épanouir afin d’assurer sa survie. Découvrez les étonnantes adaptations auxquelles ont eu recours ces créatures, dont certaines apparaîtront pour la première fois à l’écran.</t>
  </si>
  <si>
    <t>26:25:00:00</t>
  </si>
  <si>
    <t>P0873043</t>
  </si>
  <si>
    <t>Destination Wild : Les merveilles de la Chine - Le royaume des géants</t>
  </si>
  <si>
    <t>Empire of Giants</t>
  </si>
  <si>
    <t>La forêt de bambous chinoise renferme bien des mystères et des surprises… Le légendaire panda géant, le panda roux et le macaque du Tibet y ont élu domicile aux côtés de créatures extraordinaires telles que des mantes exotiques, des chauves-souris et des crapauds à moustache. Toutes ces espèces ont su faire preuve d’ingéniosité afin de survivre au milieu de ces herbes immenses.</t>
  </si>
  <si>
    <t>27:10:00:00</t>
  </si>
  <si>
    <t>P0873048</t>
  </si>
  <si>
    <t>Destination Wild : Les merveilles de la Chine - Terres hostiles</t>
  </si>
  <si>
    <t>Surviving the Ancient Grasslands</t>
  </si>
  <si>
    <t>Frappées par des tempêtes violentes et imprévisibles tout au long de l’année, les immenses prairies de Chine se révèlent peu propices à la vie. Afin d’assurer leur survie, les habitants doivent savoir s’adapter et faire preuve de résilience. Durant la brève période estivale, ils mènent une course contre la montre pour élever leurs petits avant l’arrivée de l’automne.</t>
  </si>
  <si>
    <t>27:55:00:00</t>
  </si>
  <si>
    <t>28:40:00:00</t>
  </si>
  <si>
    <t>29:25:00:00</t>
  </si>
  <si>
    <t>22/11/2020</t>
  </si>
  <si>
    <t>N0028219</t>
  </si>
  <si>
    <t>L'incroyable Dr Pol : Dr « Répare-Tout »</t>
  </si>
  <si>
    <t>The Incredible Dr. Pol</t>
  </si>
  <si>
    <t>Dr. Fix-It-All</t>
  </si>
  <si>
    <t xml:space="preserve">Une semaine chargée s'annonce pour Dr Pol, à la clinique comme à la maison. Les clients ont décidé de prendre leurs problèmes en main, ce qui fait que les vétérinaires doivent repasser derrière eux pour corriger leurs erreurs. Dr Brenda s'occupe de Cash, un bébé bouvier australien hyperactif dont les maîtres ont tenté de le soulager de sa patte cassé en fabriquant une attelle maison. Dr Pol découvre que ses clients ont de l'imagination : l'un d'entre eux a tenté de soigner la babine entaillée de son chiot Buddy avec de la colle. Pendant ce temps, Dr Brenda rectifie les points de suture fait maison de Sadie, un chien de chasse : l'enjeu est de taille. Comme s'ils n'étaient pas assez occupés à la clinique, Dr Pol, Diane et Charles décident de faire des travaux dans leur maison au bord du lac. Les Pol ne prennent pas de jours de congé... et ils aiment ça !
</t>
  </si>
  <si>
    <t>P0738874</t>
  </si>
  <si>
    <t>L'incroyable Dr Pol : Dr Pol à la rescousse</t>
  </si>
  <si>
    <t>Hook, Feline and Sinker</t>
  </si>
  <si>
    <t xml:space="preserve">Entre des chèvres boîteuses et des taureaux agressifs, les familles de la région comptent sur le cabinet vétérinaire Pol pour s'occuper de leurs bêtes cet été. Le premier patient de la journée est un adorable chiot qui s'est un peu trop approché du matériel de la ferme. Après quelques points de suture par le Dr Pol, il pourra retourner jouer avec ses maîtres en un rien de temps ! Plus tard, la jeune Novalie arrive avec son père et sa chatte, Princess. Curieuse, elle s'est plantée un crochet de pêcheur dans la patte – le docteur viendra-t-il au secours de cette princesse en détresse ? Plus tard dans la semaine, toute l'équipe se rassemble pour venir en aide à Willie la chèvre. Willie semble s'être tordue le cou, ce qui peut également cacher une maladie beaucoup plus grave. Pendant tout ce temps, Charles s'est occupé de son nouveau bébé – un petit poussin appelé Drogo. Avec l'aide du Dr Pol, Charles ressemble de plus en plus à son père : il possède désormais son propre troupeau. 
</t>
  </si>
  <si>
    <t>N0028237</t>
  </si>
  <si>
    <t>Urgences Animales: Des gestes héroïques</t>
  </si>
  <si>
    <t>Animal ER</t>
  </si>
  <si>
    <t>Heroic Measures</t>
  </si>
  <si>
    <t xml:space="preserve">Aujourd’hui à la clinique vétérinaire, Damon, un chien abandonné est retrouvé ensanglanté avec une patte manquante ; il est le candidat idéal pour acquérir une prothèse. Dr. Beale prépare Damon pour cette opération délicate. Avec sa nouvelle patte, la vie de Damon est radicalement changée et profite pleinement au sein de sa nouvelle famille d’adoption du Colorado. Deux lynx du désert, Nova et Starlord, débarquent à la clinique pour comprendre pourquoi Nova, la femelle, souffre de problèmes digestifs. Après une batterie de tests, Dr. Chen lui prescrit des médicaments qui devraient la sortir d’affaire ; une semaine de traitement plus tard, Nova se sent beaucoup mieux, retrouvant son appétit et jouant auprès de Starlord comme avant. Lucy, un teckel, est emmenée aux soins intensifs pour sa mâchoire cassée. Dr. Chanda Miles exécute deux opérations en vitesse et place des barres de contention en acier pour consolider la mâchoire. Bien que l’opération ait été délicate, Lucy pourra récupérer. </t>
  </si>
  <si>
    <t>P0853499</t>
  </si>
  <si>
    <t>Les espaces sauvages d'Amérique : Les secrets d’Hawaï</t>
  </si>
  <si>
    <t>America's Wild Spaces</t>
  </si>
  <si>
    <t>Hidden Hawaii</t>
  </si>
  <si>
    <t>00:22</t>
  </si>
  <si>
    <t>Les îles hawaïennes du Nord-Ouest font partie du monument national marin de Papahānaumokuākea, nommé ainsi par la Maison Blanche en 2006 en raison de son importance et de sa rareté. Alors que plus de 60 000 kilomètres carrés de l’océan Pacifique composent ce monument, soit une superficie supérieure à celle de tous les parcs nationaux américains réunis, la majorité de cet espace naturel n’a jamais été explorée. Que cache cette immense aire de conservation marine ? Comment pouvons-nous la protéger ? Dans le cadre d’une expédition scientifique d’un mois organisée par la National Oceanic and Atmospheric Administration (NOAA), des scientifiques s’apprêtent à naviguer jusqu’à ces eaux reculées afin de révéler ces mystères.</t>
  </si>
  <si>
    <t>P0832660</t>
  </si>
  <si>
    <t>Destination Wild : Pérou - La côte sauvage</t>
  </si>
  <si>
    <t>Wild Peru: Andes Battleground</t>
  </si>
  <si>
    <t>Wild Peruvian Coast</t>
  </si>
  <si>
    <t>New Zealand</t>
  </si>
  <si>
    <t>Le Pérou est une terre aux contrastes saisissants. Si les forêts tropicales couvrent plus de la moitié du pays, des écosystèmes très différents évoluent à l’ombre de la cordillère des Andes, à l’ouest. Sur la côte, manchots et lions de mer arpentent les déserts baignés de soleil, pendant que des ours à lunettes, des guanacos, des tapirs et des pumas nichent dans les pâturages des contreforts voisins, où la végétation est nourrie par les brumes quotidiennes de l’océan Pacifique qui enveloppent la région.</t>
  </si>
  <si>
    <t>P0832661</t>
  </si>
  <si>
    <t>Destination Wild : Pérou - Au cœur de la jungle</t>
  </si>
  <si>
    <t>Welcome To The Jungle</t>
  </si>
  <si>
    <t>Dans le sud-est du Pérou se trouve une région appelée Madre De Dios, littéralement « Mère de Dieu » en français. Son immense forêt tropicale constitue l’un des lieux à la biodiversité la plus riche sur la planète. Si ses paysages et ses espèces sauvages sont spectaculaires, Madre de Dios est aussi le théâtre d’un champ de bataille. Que ce soit pour le jaguar, le caïman au sommet de la chaîne alimentaire, la loutre géante, l’ara ou le plus petit des insectes, une certitude prévaut : tôt ou tard, tous se feront manger.</t>
  </si>
  <si>
    <t>P0761408</t>
  </si>
  <si>
    <t>Destination Wild: Argentine - Montagnes des extrêmes</t>
  </si>
  <si>
    <t>Wild Argentina</t>
  </si>
  <si>
    <t>Mountains of Extremes</t>
  </si>
  <si>
    <t xml:space="preserve">Cet épisode suit les animaux d'Argentine, qui vivent à la merci de la Cordillère des Andes. Ces monts dictent l'existence difficile de chaque créature vivante, de leurs sommets jusqu'aux confins de la steppe patagonienne, forçant les plus adorables de ses résidents à se transformer en carnivores. Les prédateurs observent le pied des montagnes et rampent dans la steppe sableuse. Chaque animal est guidé par une impulsion sanguinaire pour survivre. 
</t>
  </si>
  <si>
    <t>P0762619</t>
  </si>
  <si>
    <t>Destination Wild: Argentine - Côte tueuse</t>
  </si>
  <si>
    <t>Killer Coast</t>
  </si>
  <si>
    <t xml:space="preserve">Etendue sur plus de 600 kilomètres, des jungles du Brésil jusqu'au point le plus au sud de l'Amérique du Sud, la côte patagonienne abrite des animaux qui comptent parmi les plus spectaculaires de la planète. Ici, un désert aride côtoie un océan puissant, mais sur ce littoral extrême et hostile, les animaux luttent contre les éléments et entre eux, dans un combat pour la survie. 
</t>
  </si>
  <si>
    <t>N0028222</t>
  </si>
  <si>
    <t>L'incroyable Dr Pol : Le royaume des chiens</t>
  </si>
  <si>
    <t>Dog-A-Pol-Ooza</t>
  </si>
  <si>
    <t>00:41</t>
  </si>
  <si>
    <t xml:space="preserve">Ce n'est pas tous les jours la journée des chiens à la clinique vétérinaire Pol ! Les chiens font partie intégrante de la vie des Pol, qui en possèdent et qui en voient régulièrement à la clinique. Des chiens errants aux chiens de ferme, il n'y en a aucun dont l'équipe refuse de s'occuper. Après la fermeture, une Jessica inquiète emmène Petey, son bébé pitbull, à la clinique pour une consultation en urgence. Petey s'est coincé une aiguille dans le palais et Jessica a peur qu'elle s'enfonce encore plus profondément dans son crâne. Le lendemain, Sue, le fidèle pisteur de Frank est revenu de la chasse avec une entaille mystérieuse sur la patte. Après quelques agrafes, le docteur les renvoie chez eux – ils sont prêts à reprendre la chasse. Dr Brenda et Dr Emily ont, elles aussi, une semaine chargée. Tory se rend à la clinique avec son chien CC, qui a une plaie béante sur la joue. Dr Emily s'en occupe mais se rend rapidement compte que ce n'est pas une blessure ordinaire. Une radio révèle ce qu'a enduré le pauvre CC. Le samedi après-midi, Dr Brenda mobilise l'équipe lorsque Karen Snyder arrive avec un nouveau cas urgent. Tia le yorkshire s'apprête à mettre bas, et chaque minute compte pour aider ses petits à survivre. On n'a pas fini de voir des chiens à la clinique !
</t>
  </si>
  <si>
    <t>N0028223</t>
  </si>
  <si>
    <t>L'incroyable Dr Pol : Les chevaliers de l'étable ronde</t>
  </si>
  <si>
    <t>Knights of The Round Stable</t>
  </si>
  <si>
    <t xml:space="preserve">La clinique vétérinaire Pol a encore une semaine chargée. Le Dr Pol et son équipe voleront-ils au secours de cette nouvelle horde d'animaux blessés ? À l'autre bout de la ville, il faut aider à mettre bas dans une étable de la ferme McConnell. L'opération s'annonce compliquée : chaque minute est critique car il s'agit de veaux jumeaux. Le Dr Emily décide d'appeler le Dr Pol à la rescousse. De retour à la clinique, Marshall le cochon arrive avec sa nouvelle famille. Kassie est déjà occupée avec ses trois enfants, et Marshall ne lui rend pas la vie facile : il est bagarreur et pousse souvent des cris. Kassie espère que le Dr Pol réussira à trouver la raison des crises de son cochon. Au Michigan Renaissance Festival, Dr Pol inspecte les sabots de Maverick, un cheval boîteux censé participer à un tournoi le jour même. Sera-t-il à l'heure pour le spectacle ?
</t>
  </si>
  <si>
    <t>23:20:00:00</t>
  </si>
  <si>
    <t>23/11/2020</t>
  </si>
  <si>
    <t>P0826888</t>
  </si>
  <si>
    <t>Déserts d'Amérique : Le bon, la brute et l’assassin</t>
  </si>
  <si>
    <t>America The Beautiful: Wild South West</t>
  </si>
  <si>
    <t>The Good, The Bad, And The Deadly</t>
  </si>
  <si>
    <t>Les bestiaux et les cow-boys ne sont pas les seuls à fouler les plaines vallonnées du Texas Panhandle. C’est aussi la terre des animaux à griffes, à épines et aux crocs acérés. La nuit, les hiboux silencieux traquent leurs proies pendant que les mystérieux scorpions scintillent sous les rayons d’une lumière spéciale. À l’aube, des bêtes se rassemblent dans un tonnerre de sabots, tandis que de petits iguanes et de dangereux serpents à sonnette se tapissent non loin.</t>
  </si>
  <si>
    <t>P0826886</t>
  </si>
  <si>
    <t>Déserts d'Amérique : La vallée de la mort</t>
  </si>
  <si>
    <t>Death Valley</t>
  </si>
  <si>
    <t xml:space="preserve">Une montagne luxuriante et vaporeuse s’élève au-dessus du désert le plus aride des États-Unis dans un assemblage de paysages typiquement américains. Entre les températures ardentes de la Vallée de la mort et l’air alpin du mont Whitney se trouve une portion de route de 235 kilomètres où seules les espèces les plus enhardies peuvent survivre. Pendant qu’un groupe de coureurs relève ce défi, les espèces sauvages trouvent une parade pour subsister, transformant un terrain de golf en une oasis fertile. Ces terres sauvages sont le théâtre de deux extrêmes, étendues entre 100 mètres au-dessous du niveau de la mer jusqu’à près de 4 300 mètres d’altitude.
</t>
  </si>
  <si>
    <t>N0020492</t>
  </si>
  <si>
    <t>Les zarbis : Micro</t>
  </si>
  <si>
    <t>World's Weirdest: Pets</t>
  </si>
  <si>
    <t>Micro Pets</t>
  </si>
  <si>
    <t>Découvrez des animaux de compagnie taille XS. Parfois, les plus petits sont les plus étranges. Un chat sans poil, un hérisson, ou un cheval minuscule, préparez-vous à rencontrer des animaux domestiqués hors du commun. Ici, pas certain que tout ce qui est petit est mignon...</t>
  </si>
  <si>
    <t>11:00:00:00</t>
  </si>
  <si>
    <t>11:45:00:00</t>
  </si>
  <si>
    <t>P0947833</t>
  </si>
  <si>
    <t>Dr T, vétérinaire du Texas : Pêche impossible</t>
  </si>
  <si>
    <t>Dr. T Lone Star Vet</t>
  </si>
  <si>
    <t>Fishin' Impossible</t>
  </si>
  <si>
    <t>Préparez-vous à une journée pas comme les autres ! Dans cet épisode, le Dr T. se retrouve à devoir anesthésier un poisson en amont d’une opération. Un chinchilla boiteux nécessite une intervention orthopédique pour pouvoir mener une vie normale ; le plus petit pot du monde revient à un bébé lézard à barbe ; et un lapin au poil soyeux présente une excroissance étrange qui pourrait bien être le signe d’une maladie grave.</t>
  </si>
  <si>
    <t>12:30:00:00</t>
  </si>
  <si>
    <t>P0946342</t>
  </si>
  <si>
    <t>Dr T, vétérinaire du Texas : La mère des dragons</t>
  </si>
  <si>
    <t>Mother of Dragons</t>
  </si>
  <si>
    <t>Chaque journée au cabinet ressemble à une boîte de chocolat : quel animal passera entre les mains du Dr T. aujourd’hui ? Dans cet épisode, la vétérinaire bichonne une tortue fugueuse à la carapace fêlée et un cochon d’Inde capricieux ayant englouti une énorme pierre. Un cacatoès qui a perdu une patte trouve un foyer aimant.</t>
  </si>
  <si>
    <t>13:10:00:00</t>
  </si>
  <si>
    <t>P0870332</t>
  </si>
  <si>
    <t>Destination Wild Scandinavie : La côte des Vikings</t>
  </si>
  <si>
    <t>Wild Nordic</t>
  </si>
  <si>
    <t>Viking Coast</t>
  </si>
  <si>
    <t>Terre de fjords majestueux, de montagnes vertigineuses et d’explorateurs intrépides, le littoral norvégien réunit cultures antiques et contrées sauvages d’aujourd’hui.</t>
  </si>
  <si>
    <t>14:00:00:00</t>
  </si>
  <si>
    <t>P0870304</t>
  </si>
  <si>
    <t>Destination Wild Scandinavie : Le royaume dans le ciel</t>
  </si>
  <si>
    <t>Kingdom In The Sky</t>
  </si>
  <si>
    <t>Partez explorer les montagnes de Scandinavie, aux cimes enneigées, hostiles, sauvages et balayées par les vents. À l’image du bœuf musqué, du renard arctique et du légendaire renne, des créatures ancestrales ont trouvé refuge au cœur de la toundra.</t>
  </si>
  <si>
    <t>14:45:00:00</t>
  </si>
  <si>
    <t>P0870306</t>
  </si>
  <si>
    <t>Destination Wild Scandinavie : Terres de glace</t>
  </si>
  <si>
    <t>Land of Ice And Snow</t>
  </si>
  <si>
    <t>Juchées sur le toit du monde, de vastes étendues de glace portent la marque des espèces sauvages arctiques et des traditions séculaires. Sur ces terres, seuls les animaux les plus résilients remportent la bataille contre la rigueur de l’hiver.</t>
  </si>
  <si>
    <t>15:30:00:00</t>
  </si>
  <si>
    <t>P0870307</t>
  </si>
  <si>
    <t>Destination Wild Scandinavie : Eaux mystiques</t>
  </si>
  <si>
    <t>Mystic Waters</t>
  </si>
  <si>
    <t>Les rivières sauvages de l’extrême nord de la Finlande inspirent des explorateurs du monde entier, des patineurs les plus téméraires aux nageurs en eau glacée.</t>
  </si>
  <si>
    <t>16:15:00:00</t>
  </si>
  <si>
    <t>P0870303</t>
  </si>
  <si>
    <t>Destination Wild Scandinavie : Créatures de la taïga</t>
  </si>
  <si>
    <t>Creatures of The Taiga</t>
  </si>
  <si>
    <t>Au cœur des forêts antiques de Scandinavie, les espèces sauvages de la taïga doivent livrer leur dernière bataille pour la survie.</t>
  </si>
  <si>
    <t>17:00:00:00</t>
  </si>
  <si>
    <t>N0020522</t>
  </si>
  <si>
    <t>Les zarbis : XXL</t>
  </si>
  <si>
    <t>XXL</t>
  </si>
  <si>
    <t>Dans la nature, on trouve des animaux de toutes formes et toutes tailles. Parfois, plus ils sont gros, plus ils sont effrayants ! Mais pas pour tout le monde, et certains ont décidé d'en adopter comme animaux domestiques. Un varan géant, un renne, ou encore un buffle...! Rencontrez quelques-uns des plus étranges animaux domestiques au monde.</t>
  </si>
  <si>
    <t>18:00:00:00</t>
  </si>
  <si>
    <t>18:55:00:00</t>
  </si>
  <si>
    <t>P0949150</t>
  </si>
  <si>
    <t>Michelle ou la vie sauvage :Le grand méchant loup</t>
  </si>
  <si>
    <t>The Big Bad Wolf</t>
  </si>
  <si>
    <t>P0949151</t>
  </si>
  <si>
    <t>Law of The Claw</t>
  </si>
  <si>
    <t>P0837371</t>
  </si>
  <si>
    <t>Michelle ou la vie sauvage : Les bouquetins des Alpes</t>
  </si>
  <si>
    <t>Dances With Ibexes</t>
  </si>
  <si>
    <t>Suite à un appel d’urgence, le Dr Oakley reçoit un chien souffrant d’une maladie mystérieuse qui pourrait bien lui poser une colle. L’équipe vétérinaire part à l’assaut des falaises abruptes des Alpes françaises afin d’étudier les bouquetins indigènes qui y vivent. Un défilé de perroquets freine Michelle dans son élan, pendant que Dylan le petit-duc des montagnes décide d’arrêter son régime. Enfin, les problèmes oculaires du chien Sam semblent cacher quelque chose de plus grave.</t>
  </si>
  <si>
    <t>P0837372</t>
  </si>
  <si>
    <t>Michelle ou la vie sauvage : Les ours suédois</t>
  </si>
  <si>
    <t>Swedish Bears</t>
  </si>
  <si>
    <t>Le Dr Oakley part pour la Suède afin de recueillir des informations essentielles sur la population d’ours bruns. Mais ces ours semblent bien décidés à résister au fusil anesthésiant destiné à les tranquilliser. Le chien Barney présente une curieuse bosse autour de l’œil, laquelle pourrait bien poser une colle à la vétérinaire. Un autre chien souffre de la douleur dite du membre fantôme, tandis qu’un troisième se fait mordre par un prédateur. Le Dr Oakley offre à Warrior le faucon une pédicure ainsi qu’un épointage du bec. Enfin, Frank la tortue cache une petite surprise dans sa carapace.</t>
  </si>
  <si>
    <t>N0016726</t>
  </si>
  <si>
    <t>Tueurs en série : Carnivores fous</t>
  </si>
  <si>
    <t>Ultimate Predator</t>
  </si>
  <si>
    <t>Death By Dragon</t>
  </si>
  <si>
    <t xml:space="preserve">Le lion, roi des animaux, le requin blanc, tueur des profondeurs, l'ours polaire, terreur de l'Arctique et le grizzli, géant d'Amérique du Nord : cet épisode vous présente les carnivores les plus impressionnants du règne animal. Tous sont faits pour dominer, survivre et tuer. Découvrez les caractéristiques qui font d'eux d'impitoyables prédateurs et comment ils ont évolué, comment ils se sont transformés et comment ils ont été élevés pour y arriver. Leurs origines, leurs régimes alimentaires, leurs habitudes, plus rien ne vous échappera de ces tueurs devenus hors du commun après des millions d'années d'évolution. </t>
  </si>
  <si>
    <t>N0011747</t>
  </si>
  <si>
    <t>Prédateurs de la Préhistoire : Grosses mâchoires</t>
  </si>
  <si>
    <t>Prehistoric Predators</t>
  </si>
  <si>
    <t>Razor Jaws</t>
  </si>
  <si>
    <t>00:47</t>
  </si>
  <si>
    <t>Avec sa gueule impressionnante, le Hyaenodon était un prédateur féroce.  Ses morsures puissantes et tranchantes comme un rasoir ont laissé à jamais une marque dans l'histoire...</t>
  </si>
  <si>
    <t>N0020383</t>
  </si>
  <si>
    <t>Un monde mortel : Les animaux se déchaînent</t>
  </si>
  <si>
    <t>World's Deadliest Killers</t>
  </si>
  <si>
    <t>Animal Rampage</t>
  </si>
  <si>
    <t>Il y a des endroits sur la planète où il vaut mieux ne pas s'aventurer...sous peine de ne pas en ressortir vivant ! Dans certains pays, une simple promenade dans la rue peut vous amener nez à nez avec un éléphant en furie, qui n'a qu'une seule chose en tête : vous tuer ! Un safari ou une simple baignade peut se transformer en cauchemar pour celui qui aura la malchance de croiser le chemin de ces animaux, qui vous prendront pour cible...Découvrez des attaques filmées à couper le souffle, qui vous feront voir d'un autre oeil certains animaux !</t>
  </si>
  <si>
    <t>24/11/2020</t>
  </si>
  <si>
    <t>P0826890</t>
  </si>
  <si>
    <t>Déserts d'Amérique : Aux confins du désert</t>
  </si>
  <si>
    <t>Desert's Edge</t>
  </si>
  <si>
    <t>Le long de la frontière du Texas se cache le secret le plus somptueux de la région, là où le Rio Grande rencontre les montagnes : le parc national de Big Bend. Des ours noirs élèvent leurs petits au cœur des monts Chisos, à la faveur de la chaleur estivale. Le premier orage réveille une armée de crapauds du Grand Bassin qui surgissent de leurs cachettes souterraines. La nuit tombe au son des hurlements de la redoutable souris sauterelle. Ce paradis désertique, demeuré secret jusqu’ici, a longtemps été florissant.</t>
  </si>
  <si>
    <t>10:15:00:00</t>
  </si>
  <si>
    <t>P0947767</t>
  </si>
  <si>
    <t>Dr T, vétérinaire du Texas : La famille tortue</t>
  </si>
  <si>
    <t>T And The Family Turtle</t>
  </si>
  <si>
    <t>Si le Dr T. chouchoute tous ses patients comme des membres à part entière de sa famille, Gallagher la tortue appartient bel et bien à sa sœur. La vétérinaire porte secours à une lapine gravide qui peine à mettre bas ainsi qu’à un petit gecko à l’agonie après avoir été attaqué par un chat.</t>
  </si>
  <si>
    <t>P0923569</t>
  </si>
  <si>
    <t>Stratégies mortelles</t>
  </si>
  <si>
    <t>Killer Animal Tactics</t>
  </si>
  <si>
    <t>Killer Animal Tactics, 1</t>
  </si>
  <si>
    <t>Des grands prédateurs aux créatures rusées, ces animaux sanguinaires font partie des espèces les plus menaçantes et les plus lourdement armées au monde. Afin d’assurer leur survie, ils ont développé des stratégies redoutables et des armes létales : embuscade, camouflage, griffes acérées, venin, chasse en meute… tous les moyens sont bons pour abattre leur proie. Tuer ou être tué, tel est leur dilemme.</t>
  </si>
  <si>
    <t>N0016371</t>
  </si>
  <si>
    <t>Dragons de Komodo</t>
  </si>
  <si>
    <t>Killer Dragons</t>
  </si>
  <si>
    <t>Killer Dragons, 1</t>
  </si>
  <si>
    <t>00:50</t>
  </si>
  <si>
    <t>Le dragon de Komodo est de loin le plus grand lézard du monde. Mais c'est aussi le plus agressif et le plus puissant. Une toute nouvelle recherche très étonnante suggère que ce varan géant recèle bien des secrets. En effet, des découvertes récentes montrent que dans certains de ses comportements, l'intelligence du dragon de Komodo est bien supérieure à celle de tous les autres reptiles. Ses réactions semblent bien plus proches de celles des mammifères que des lézards. Il semblerait aussi que le komodo mêle à sa force et à son agressivité quelque chose de fatal : du venin.</t>
  </si>
  <si>
    <t>N0012419</t>
  </si>
  <si>
    <t>Prises mortelles : L'attaque des requins</t>
  </si>
  <si>
    <t>Killer Shots</t>
  </si>
  <si>
    <t>Great White Ambush</t>
  </si>
  <si>
    <t>Andy Casagrande, caméraman et spécialiste de la vie sauvage part en expédition au large des côtes d'Afrique du Sud. Pour filmer son prédateur favori, le grand requin blanc, il déploie quelques-unes des techniques les plus innovantes au monde. Son objectif est d'obtenir de superbes images de ce redoutable chasseur en action. Pour y parvenir, Andy doit se rendre à l'évidence et nager avec ce prédateur sans cage de sécurité s'il espère obtenir des " prises mortelles " !</t>
  </si>
  <si>
    <t>N0012420</t>
  </si>
  <si>
    <t>Prises mortelles : La traque des lions</t>
  </si>
  <si>
    <t>Lion Stalker</t>
  </si>
  <si>
    <t>Andy Casagrande, caméraman et spécialiste de la vie sauvage est en mission dans le Serengeti  afin de filmer les lions et les guépards en pleine attaque. Son objectif : révéler les tactiques des félins les plus redoutables du Serengeti. Grâce aux caméras innovantes il saisira des supers ralentis, des plans nocturnes et à l'aide d'une caméra télécommandée, il capturera des plans hors du commun. Andy est prêt à tout pour filmer une " prise mortelle " !</t>
  </si>
  <si>
    <t>N0012249</t>
  </si>
  <si>
    <t>Prises mortelles : L'insaisissable ours polaire</t>
  </si>
  <si>
    <t>Tracking The Ghost Bear</t>
  </si>
  <si>
    <t>Andy Casagrande est en mission dans l'Arctique où il doit lutter contre les éléments naturels pour capturer des images du légendaire ours polaire, le plus grand carnivore terrestre. Dans cette partie du globe, les températures peuvent atteindre moins cinquante degrés ! Le terrain y est vaste et brutal, et les ours polaires tirent parti de tous les avantages possibles de cet environnement hostile. Dans ces conditions extrêmes, Andy va devoir dépasser ses limites pour arriver à ses fins.</t>
  </si>
  <si>
    <t>N0020550</t>
  </si>
  <si>
    <t>Les zarbis : Trafic d'animaux</t>
  </si>
  <si>
    <t>Animal Smugglers</t>
  </si>
  <si>
    <t>Chaque année, des millions d'animaux passent de manière illégale les frontières internationales. Avec une estimation de plusieurs milliards de dollars par an, la contrebande d'animaux est l'un des plus grands marchés noirs. Les trafiquants utilisent souvent les moyens les plus bizarres pour parvenir à leurs fins.</t>
  </si>
  <si>
    <t>P0814143</t>
  </si>
  <si>
    <t>Snakes in the city : Rencontres venimeuses</t>
  </si>
  <si>
    <t>Venomous Encounters</t>
  </si>
  <si>
    <t>À Durban, en Afrique du Sud, la saison des serpents bat son plein. L’attrapeur de serpents de rue Simon Keys et sa petite amie herpétologiste Siouxsie Gillett viennent chaque été à la rescousse de cette ville où résonnent des cris d’horreur. À l’arrivée des fortes chaleurs, des serpents venimeux mortels se faufilent dans les maisons, les bureaux et les usines depuis les parcelles sauvages environnantes. Cet été, c’est la folie pour nos deux sauveurs de serpents. Leur téléphone ne s’arrête pas un instant et les appels à l’aide affluent. Entre les mambas noirs mortels qui se fraient un chemin dans les armoires et les cobras à cou noir tapis dans les usines, Simon et Siouxsie n’ont pas fini une tasse de café depuis des jours. Chaque fois qu’ils tentent de se reposer, le téléphone retentit.</t>
  </si>
  <si>
    <t>P0835809</t>
  </si>
  <si>
    <t>Snakes In The City : Tout feu tout flamme</t>
  </si>
  <si>
    <t>Snakes In The City Compilations</t>
  </si>
  <si>
    <t>Scorch And Slither</t>
  </si>
  <si>
    <t>South Africa</t>
  </si>
  <si>
    <t>P0836561</t>
  </si>
  <si>
    <t>Snakes In The City : Accueil particulier</t>
  </si>
  <si>
    <t>Unwelcome House Guest</t>
  </si>
  <si>
    <t>N0026821</t>
  </si>
  <si>
    <t>Snakes In The City : Un train et un serpent</t>
  </si>
  <si>
    <t>Snakes On A Train</t>
  </si>
  <si>
    <t xml:space="preserve">Le premier appel survient une heure avant le lever du jour et il s'agit de l'appel le plus insolite qu'ils aient reçu jusqu'à présent : des serpents ont été repérés...dans un train ! Armés de longues pinces et de lampes de poche, Simon et Siouxsie longent le train dans le noir. Il pourrait tout aussi bien s'agir d'un inoffensif serpent domestique que d'un cobra cacheur en pleine chasse nocturne, ou même d'un mamba noir qui aurait été dérangé. Le premier souci de Simon est de protéger la sécurité du serpent, que le conducteur a vu disparaître au niveau du châssis. Simon pense à haute voix : " Il y a beaucoup de pièces qui bougent là-dessous et le serpent pourrait être blessé ou même coupé en deux par les roues. Nous n'avons pas beaucoup de temps pour le trouver. " C'est une course contre la montre car le train part récupérer 200 passagers à la gare suivante. </t>
  </si>
  <si>
    <t>N0015562</t>
  </si>
  <si>
    <t>Tueurs en série : Rage sauvage</t>
  </si>
  <si>
    <t>Chimp Attack</t>
  </si>
  <si>
    <t xml:space="preserve">L'Homme n'est pas censé être la proie de choix de certains prédateurs, et pourtant ces derniers n'en restent pas moins des animaux sauvages guidés par leurs instincts, et leurs peurs. Certains animaux ne sont pas à proprement parler des prédateurs, mais stressés par un monde qui ne cesse de changer, souvent à leur désavantage, ils attaquent parfois l'Homme. Cette agressivité exacerbée et soudaine fait penser à un état de stress post-traumatique et cet épisode suit des attaques sur l'Homme, d'animaux, carnivores ou non, menant parfois à la mort. Un éléphant de cirque tue ainsi son dresseur en pleine représentation, un chimpanzé apparemment domestiqué dévisage une amie de sa maîtresse. A Bombay, les léopards ont tué 12 personnes en un mois en s'introduisant parfois même dans les maisons de leurs victimes. </t>
  </si>
  <si>
    <t>N0011744</t>
  </si>
  <si>
    <t>Prédateurs de la Préhistoire : Le requin monstre</t>
  </si>
  <si>
    <t>Monster Shark</t>
  </si>
  <si>
    <t>Le mégalodon : si l'espèce est aujourd'hui éteinte, il reste néanmoins le plus grand prédateur ayant évolué dans les océans du monde. Pendant 20 millions d'années, ce gigantesque squale de 50 tonnes, doté d'une mâchoire de plus de 3 mètres de large, dont certaines dents mesuraient jusqu'à 20 cm, a terrorisé les créatures marines de l'Océan Indien aux côtes de l'Amérique du Sud et du Nord. Même les baleines géantes de l'époque craignaient ce prédateur impitoyable. Aujourd'hui, près de 2 millions d'années après que le mégalodon ait disparu des océans, les scientifiques tentent de reconstituer une maquette de ce requin fantastique.</t>
  </si>
  <si>
    <t>25/11/2020</t>
  </si>
  <si>
    <t>P0826892</t>
  </si>
  <si>
    <t>Déserts d'Amérique : La grotte aux chauves-souris</t>
  </si>
  <si>
    <t>Bat-Nado</t>
  </si>
  <si>
    <t>Chaque été, le Texas est en première ligne d’une invasion : des millions de molossidés descendent dans la grotte de Bracken, plus grande colonie de chauves-souris de la planète. Chaque nuit, les chauves-souris forment un tourbillon afin de traquer les insectes, notamment ceux considérés comme les plus nuisibles par les agriculteurs texans. À l’intérieur comme à l’extérieur de ce monde souterrain, des serpents redoutables et des armées de scarabées font planer une menace de mort. Bienvenue dans la grotte aux innombrables chauves-souris !</t>
  </si>
  <si>
    <t>P0783889</t>
  </si>
  <si>
    <t>Qui singe qui ? : Episode 1</t>
  </si>
  <si>
    <t>Who's Aping Who?</t>
  </si>
  <si>
    <t>Who's Aping Who?, 1</t>
  </si>
  <si>
    <t>Dans notre enfance, quel est notre degré de ressemblance avec nos cousins les grands singes ? À quel moment nos différences apparaissent-elles ? Pourraient-ils apprendre à parler comme nous ? Suivez-nous alors que nous découvrons les bébés orangs-outans, chimpanzés, gorilles et bonobos.</t>
  </si>
  <si>
    <t>P0948366</t>
  </si>
  <si>
    <t>Dr T, vétérinaire du Texas : Un kangourou boiteux</t>
  </si>
  <si>
    <t>The Roo To Recovery</t>
  </si>
  <si>
    <t>Dans cet épisode, le Dr T. s’est donné pour mission de replacer la cheville disloquée d’un kangourou, sans garantie que l’opération risquée porte ses fruits. Mais ce n’est pas tout ! Elle doit également résoudre le mystère de l’étrange boule dont souffre son patient perroquet et aider un lapin contrarié à retrouver l’appétit.</t>
  </si>
  <si>
    <t>P0847666</t>
  </si>
  <si>
    <t>L'incroyable Dr Pol : De nouveaux chats dans le quartier</t>
  </si>
  <si>
    <t>New Cats On The Block</t>
  </si>
  <si>
    <t>Cette semaine à la clinique, les animaux appellent à la rescousse et Dr Pol vient les rassembler. Les vétérinaires en voient de toutes les couleurs : des chiots empoisonnés, des chats turbulents ainsi que la visite d’un vieil ami qui a besoin d’aide. Tater part pour une aventure en solitaire.</t>
  </si>
  <si>
    <t>P0847667</t>
  </si>
  <si>
    <t>L'incroyable Dr Pol : Le plus fidèle des compagnons</t>
  </si>
  <si>
    <t>Bark 'n Stormy</t>
  </si>
  <si>
    <t>Dans cet épisode de L’Incroyable Dr Pol, préparez-vous à quelques aboiements. Des queues coupées aux accidents évités de justesse, en passant par des extractions d’épines et des fractures de genoux, les vétérinaires sont prêts à tout pour sauver la ribambelle de chiens blessés.</t>
  </si>
  <si>
    <t>P0847668</t>
  </si>
  <si>
    <t>L'incroyable Dr Pol : Course effrénée</t>
  </si>
  <si>
    <t>A Twitch In Time</t>
  </si>
  <si>
    <t>À la clinique du Dr Pol, les urgences n’attendent pas les heures d’ouverture. Dr Emily s’affaire à soigner un chiot agonisant qui souffre à la fois du parvovirus et d’une infection bactérienne, une combinaison fatale. Pendant ce temps, Dr Pol met les bouchées doubles afin de sauver un cheval qui s’étouffe, un lapin au bord de la cécité ainsi qu’un porcelet à la croupe brisée. Les vétérinaires de la clinique mènent une course contre la montre permanente en vue de guérir leurs êtres chers.</t>
  </si>
  <si>
    <t>P0847669</t>
  </si>
  <si>
    <t>L'incroyable Dr Pol : Un Noël félin</t>
  </si>
  <si>
    <t>Meow-Y Christmas</t>
  </si>
  <si>
    <t>Cette semaine, le père Noël des bêtes débarque en ville. Les fêtes signent leur grand retour avec leurs illuminations, leurs décorations ainsi qu’une tempête de neige inopinée. Malgré les intempéries, l’équipe vétérinaire est bien décidée à garder le moral. Entre ailes cassées et mauvaises odeurs, clochettes et jappements de chiots, Dr Pol réserve bien des cadeaux aux animaux.</t>
  </si>
  <si>
    <t>P0847670</t>
  </si>
  <si>
    <t>L'incroyable Dr Pol : Chiens bagarreurs</t>
  </si>
  <si>
    <t>Kung Fu Biting</t>
  </si>
  <si>
    <t>Cette semaine, la clinique du Dr Pol voit débarquer non pas un, ni deux, mais quatre chiens ayant subi des attaques ! Outre les bagarres canines, les vétérinaires en voient de toutes les couleurs : des vaches boursouflées, des truies enceintes et même un chaton en manque d’affection.</t>
  </si>
  <si>
    <t>P0949083</t>
  </si>
  <si>
    <t>Europe, continent sauvage : Le retour des charognards</t>
  </si>
  <si>
    <t>The Scavenger's Return</t>
  </si>
  <si>
    <t>Les Rhodopes de Bulgarie sont aujourd’hui le théâtre de la renaissance d’espèces sauvages. À mesure que les proies signent leur retour et façonnent les terres, les prédateurs reviennent eux aussi. Afin de reconstituer pleinement le cycle de la vie, les vautours jouent un rôle essentiel.</t>
  </si>
  <si>
    <t>P0949084</t>
  </si>
  <si>
    <t>Europe, continent sauvage : Terres enneigées</t>
  </si>
  <si>
    <t>Land of Snow And Ice</t>
  </si>
  <si>
    <t>Éleveurs samis de rennes et défenseurs de l’environnement unissent leurs forces afin de tenter de sauver l’une des frontières les plus sauvages d’Europe. Grâce à la neige et à la glace, l’humain renoue progressivement avec la nature.</t>
  </si>
  <si>
    <t>N0019770</t>
  </si>
  <si>
    <t>Wild West : Les Rocheuses</t>
  </si>
  <si>
    <t>True Grit</t>
  </si>
  <si>
    <t>Dans les montagnes de l'Ouest américain, les figures emblématiques du Far West ont leurs homologues dans le monde animal. Une meute de loups jette son dévolu sur un jeune élan, un grizzli cherche quelque chose à se mettre sous la dent, les pumas solitaires, eux, survivent en se fondant dans les montagnes, mais quoi qu'il en soit : seuls les plus forts survivront.</t>
  </si>
  <si>
    <t>P0831496</t>
  </si>
  <si>
    <t>Science of dogs</t>
  </si>
  <si>
    <t>Science of Dogs: The X Factor</t>
  </si>
  <si>
    <t>Science of Dogs: The X Factor, 1</t>
  </si>
  <si>
    <t>Les chiens sont réputés pour leur loyauté et leur amitié - Mais qu’en est-il de la puissance de leur cerveau ? Avec leur capacité à détecter le cancer, anticiper les attaques, et porter assistance en cas de ESPT- les chiens ont prouvé qu’ils étaient bien plus bénéfiques au genre humain qu’on ne le pensait. Entre les avancées scientifiques et les histoires de chiens qui prennent le volant, vous n’aurez qu’une envie, courir vers le refuge le plus proche pour en adopter un.</t>
  </si>
  <si>
    <t>N0016648</t>
  </si>
  <si>
    <t>Tueurs en série : De sage à sauvage</t>
  </si>
  <si>
    <t>Animal Assassins</t>
  </si>
  <si>
    <t xml:space="preserve">Il y a certains animaux que nous considérons comme de dangereux prédateurs et d'autres dont on se méfie moins, et pourtant... De nombreuses personnes rêvent de nager parmi les dauphins, ces animaux extrêmement intelligents et que l'on imagine doux. Mais lorsqu'ils sont provoqués, ils peuvent se montrer agressifs et violents et ils ont d'ailleurs fait de nombreuses victimes. Au Sierra Leone, des singes échappés d'un refuge pour chimpanzés victimes de braconniers attaquent un véhicule, arrachent trois doigts d'un touriste et tuent un local! Sur l'île de Vancouver où ont lieu 40% des attaques de couguars sur les humains, une petite fille de 4 ans est prise pour proie. Elle s'en sort saine et sauve, mais toutes les victimes n'auront pas cette chance. Cet épisode fait la lumière sur ces attaques peu communes et explore les raisons qui poussent des animaux à nous attaquer alors qu'ils ne sont à priori pas perçus comme des dangers pour l'homme. </t>
  </si>
  <si>
    <t>N0011745</t>
  </si>
  <si>
    <t>Prédateurs de la Préhistoire : Oiseaux de terreur</t>
  </si>
  <si>
    <t>Terror Raptor</t>
  </si>
  <si>
    <t>Rencontrez les animaux les plus terrifiants de la Préhistoire. Dans cet épisode : les oiseaux de terreur !</t>
  </si>
  <si>
    <t>26/11/2020</t>
  </si>
  <si>
    <t>P0826893</t>
  </si>
  <si>
    <t>Déserts d'Amérique : La contrée des alligators</t>
  </si>
  <si>
    <t>Gatorlands</t>
  </si>
  <si>
    <t xml:space="preserve">L’impitoyable marais frontalier qui sépare l’État du Texas de celui de la Louisiane n’est pas seulement le lieu d’une histoire macabre… Des créatures sauvages sillonnent également ses eaux, à l’image des alligators d’Amérique, en quête de leur prochain casse-croûte. Dans ces marécages, nul besoin d’être imposant pour se mettre quelque chose sous la dent : l’orbitèle (sorte d’araignée) en est la preuve. Pour survivre dans ce milieu, il faut être prêt à tout.
</t>
  </si>
  <si>
    <t>P0783890</t>
  </si>
  <si>
    <t>Qui singe qui ? : Episode 2</t>
  </si>
  <si>
    <t>Who's Aping Who?, 2</t>
  </si>
  <si>
    <t>Les êtres humains et les grands singes interagissent-ils de la même façon ? Avons-nous les mêmes structures sociales et comportements que nos cousins les grands singes ? Suivez-nous alors que nous découvrons les habitudes sociales des orangs-outans, chimpanzés, gorilles et bonobos.</t>
  </si>
  <si>
    <t>P0885573</t>
  </si>
  <si>
    <t>Michelle ou la vie sauvage : La colère du bison</t>
  </si>
  <si>
    <t>Blazing Bison</t>
  </si>
  <si>
    <t>Dans cet épisode, Dr Oakley s’empresse d’ausculter un chat atteint d’un grave problème vésical, qui va jusqu’à lui demander d’appeler des renforts. Dans une ferme aux équipements de pointe, elle vient tester un nouveau dispositif dédié aux bisons turbulents, puis mène une campagne de vaccination ambulante à destination de nos amis canins. Pour finir, notre vétérinaire examine deux furets ainsi que deux bergers allemands qui souffrent de maladies fréquentes chez leur espèce.</t>
  </si>
  <si>
    <t>N0020955</t>
  </si>
  <si>
    <t>Mamba Noir : Le baiser mortel</t>
  </si>
  <si>
    <t>Black Mamba: Kiss of Death</t>
  </si>
  <si>
    <t>En Afrique du Sud, les Mambas noirs sont à la recherche de leurs quartiers d'été. Ce serpent, le plus mortel de la planète, n'est pas un voisin très apprécié et beaucoup périront tués par balle ou par un coup de pelle. Mais certains seront assez chanceux pour être sauvés et recueillis dans un centre unique, où les serpents sont protégés et observés. Une femelle serpent a une mission toute particulière : elle est prête à donner naissance à une nouvelle génération d'assassins miniatures. Pourra-t-elle survivre assez longtemps pour libérer sa redoutable progéniture dans la vallée?</t>
  </si>
  <si>
    <t>P0864017</t>
  </si>
  <si>
    <t>Un monde mortel : Super serpents</t>
  </si>
  <si>
    <t>World's Deadliest: Super Snakes</t>
  </si>
  <si>
    <t>Le royaume animal grouille de serpents mortels aux instincts meurtriers, dont les morsures sont redoutables et l’habileté implacable.</t>
  </si>
  <si>
    <t>N0013518</t>
  </si>
  <si>
    <t>Les secrets du cobra royal</t>
  </si>
  <si>
    <t>Secrets of The King Cobra</t>
  </si>
  <si>
    <t>Secrets of The King Cobra, 1</t>
  </si>
  <si>
    <t>En Inde, un animal mortellement dangereux vit en liberté parmi la population locale : le cobra royal. Cet animal redoutable est le plus grand serpent venimeux du monde. Considéré comme le plus intelligent de son espèce, il est très agile, imprévisible, et peut attaquer à tout moment. Une équipe de scientifiques indiens part à sa rencontre afin de l'étudier de plus près.</t>
  </si>
  <si>
    <t>P0739889</t>
  </si>
  <si>
    <t>Cobra Mafia</t>
  </si>
  <si>
    <t>Une famille de serpents puissante règne sur l’univers reptilien en semant la terreur. Munie de mortels attributs, la famille cobra instille la peur et le chaos dans les régions sauvages d’Afrique et d’Asie. Découvrez l’histoire de cette véritable mafia animale à la réputation grandissante.</t>
  </si>
  <si>
    <t>P0903159</t>
  </si>
  <si>
    <t>Serpent à sonnette : la terreur du désert</t>
  </si>
  <si>
    <t>America's Super-Snake</t>
  </si>
  <si>
    <t>America's Super-Snake, 1</t>
  </si>
  <si>
    <t>Les serpents à sonnette, ou crotales, représentent l’espèce de vipère la plus évoluée sur la planète. Célèbres pour leurs attaques éclair et pour leur redoutable venin, le simple bruit de leur cascabelle, reconnaissable entre tous, suffit à tétaniser ceux qui l’entendent. Mais derrière cette infâme réputation se cache en réalité un serpent timide et sensuel, qui ne cherche qu’à assurer sa descendance. Partez à la rencontre d’un crotale diamantin de l’Ouest confronté aux défis de l’été désertique, là où seules les créatures vertébrées les plus rusées peuvent survivre.</t>
  </si>
  <si>
    <t>P0885650</t>
  </si>
  <si>
    <t>L'incroyable Dr Pol : Coucou-beuh</t>
  </si>
  <si>
    <t>Peek-A-Moo!</t>
  </si>
  <si>
    <t>Procéder à une mise bas, ausculter un nouveau-né ou réaliser une césarienne d’urgence font partie des compétences des vétérinaires de la clinique. Il faut dire que les bébés animaux sont des patients réguliers ! À l’approche du printemps, l’équipe se prépare à la saison des naissances, une heureuse période, car ces petites créatures donnent toujours le sourire aux vétérinaires. Apprêtez-vous à fondre, cet épisode mettra les tout-petits à l’honneur.</t>
  </si>
  <si>
    <t>P0885651</t>
  </si>
  <si>
    <t>L'incroyable Dr Pol : Dix pour le prix d’un</t>
  </si>
  <si>
    <t>Moo For The Price of One</t>
  </si>
  <si>
    <t>Non, vous ne rêvez pas ! Les vétérinaires de la clinique voient double, eux aussi. Bien que Dr Pol et son équipe soient habitués aux journées chargées, les animaux surpassent parfois en nombre les soignants. Naissance de jumeaux, trios d’alpagas, chiots par dizaines… Une folie de tout poil se prépare ! Dans cet épisode, nos vétérinaires mettent les bouchées doubles.</t>
  </si>
  <si>
    <t>P0832651</t>
  </si>
  <si>
    <t>L'incroyable Dr Pol : Joyeux anniversaire !</t>
  </si>
  <si>
    <t>Happy Birthday to Moo!</t>
  </si>
  <si>
    <t>Dans cet épisode de L’incroyable Dr Pol, les vétérinaires sont déterminés à guérir les animaux malades. Des cochons dodus aux chevaux blessés, en passant par des chats aux plaies béantes, la semaine est, comme toujours, bien chargée pour les vétérinaires de la clinique… sans oublier qu’il y a un anniversaire à préparer ! La famille Pol est partie se promener sur le pont Mackinac et Charles en profite pour déposer discrètement un juke-box vintage dans la maison au bord du lac en guise de surprise pour l’anniversaire du Dr Pol.</t>
  </si>
  <si>
    <t>P0832652</t>
  </si>
  <si>
    <t>L'incroyable Dr Pol : Bienvenue aux Pays-Bas</t>
  </si>
  <si>
    <t>It’s All Dutch to Me</t>
  </si>
  <si>
    <t>On n’est jamais aussi bien que chez soi ! Dr Pol, Diane et Charles partent pour leur voyage tant attendu aux Pays-Bas. Mais ce n’est pas encore l’heure des vacances pour le Dr Pol, pris dans un tourbillon d’aventures et submergé sous les appels de la ferme. Pendant ce temps, dans le Michigan, la clinique est en délire ! Dr Brenda, Dr Emily et le reste de l’équipe vétérinaire mettent les bouchées doubles pour suivre le rythme.</t>
  </si>
  <si>
    <t>N0013581</t>
  </si>
  <si>
    <t>Prédateurs de l'ombre : Les hyènes</t>
  </si>
  <si>
    <t>Night Stalkers</t>
  </si>
  <si>
    <t>Hyena Gangs</t>
  </si>
  <si>
    <t>Loin des documentaires classiques, Les Prédateurs de l'Ombre vous emmène dans les nuits impitoyables de prédateurs du monde entier. Dans cet épisode, découvrez un paradis pour carnivores, les plaines de l'est africain. Cette région fait l'objet de l'une des plus grandes migrations terrestres au monde. L'occasion pour les hyènes de chasser sans grande difficulté. Seulement, la majorité de leurs traques se déroulent la nuit. Pendant longtemps, l'obscurité ne permettait pas de filmer leurs longues parties de chasse. Mais aujourd'hui, grâce à des caméras révolutionnaires, la série Les Prédateurs de l'Ombre lève le voile sur les secrets de la vie nocturne de ce prédateur complexe. Rencontrez leur pire ennemi, rejoignez leur clan et partagez leur quotidien au coeur des plaines d'Afrique. Les hyènes sont incontestablement de redoutables chasseurs, régies par un ordre social parfaitement établi et répondant à un règle bien précise, "un pour tous, tous pour un"...</t>
  </si>
  <si>
    <t>N0011746</t>
  </si>
  <si>
    <t>Prédateurs de la Préhistoire : Les sangliers tueurs</t>
  </si>
  <si>
    <t>Killer Pig</t>
  </si>
  <si>
    <t>Rencontrez les animaux les plus terrifiants de la Préhistoire. Dans cet épisode : le sanglier tueur !</t>
  </si>
  <si>
    <t>27/11/2020</t>
  </si>
  <si>
    <t>N0026842</t>
  </si>
  <si>
    <t>Destination Wild : Égypte</t>
  </si>
  <si>
    <t>Desert Lands of The Middle East</t>
  </si>
  <si>
    <t>Wild Egypt</t>
  </si>
  <si>
    <t xml:space="preserve">Là où la pluie ne tombe presque jamais et où le soleil craquelle le sol, il faut un ingrédient particulier pour faire naître un pays. L'élément manquant est apparu dans cette Égypte désertique, permettant à la vie de prospérer. </t>
  </si>
  <si>
    <t>P0783891</t>
  </si>
  <si>
    <t>Qui singe qui ? : Episode 3</t>
  </si>
  <si>
    <t>Who's Aping Who?, 3</t>
  </si>
  <si>
    <t>Les grands singes possèdent-ils les mêmes sentiments que les êtres humains ? Ont-ils une conscience et ressentent-ils les émotions de la même façon que nous ? Suivez-nous alors que nous découvrons le cœur et l’esprit des orangs-outans, chimpanzés, gorilles et bonobos.</t>
  </si>
  <si>
    <t>P0885602</t>
  </si>
  <si>
    <t>Michelle ou la vie sauvage : Oursons dans l’avion</t>
  </si>
  <si>
    <t>Bears On A Plane</t>
  </si>
  <si>
    <t>Après une expérience douloureuse, deux oursons doivent passer entre les mains expertes du Dr Oakley avant un long voyage vers leur nouvelle maison. Un propriétaire s’inquiète des aphtes de son chat, mais notre remarquable vétérinaire prend les choses en main. Suite à une opération chirurgicale de routine, Rusty le labrador risque de souffrir d’insuffisance respiratoire. Alors que deux chevreaux s’apprêtent à être castrés, le Dr Oakley et ses filles partent nager avec des chevaux.</t>
  </si>
  <si>
    <t>N0015114</t>
  </si>
  <si>
    <t>Superanimal : Les chasseurs de l'extrême</t>
  </si>
  <si>
    <t>Animal Superpowers</t>
  </si>
  <si>
    <t>Extreme Hunters</t>
  </si>
  <si>
    <t>Patrick Stewart examine trois espèces animales dotées de superpouvoirs. Ces prédateurs utilisent leurs sens ultra performants qui font d'eux des chasseurs hors norme. Dans l'univers aquatique, le requin marteau à une vision à 360 degrés ou presque... et pourtant, cette caractéristique n'est pas son pouvoir le plus impressionnant : ce requin hors du commun est capable de détecter les champs électromagnétiques extrêmement faibles des animaux marins et peut ainsi chasser dans le noir. Le grand cachalot peut lui, chasser les pieuvres dans des profondeurs abyssales grâce à son sonar pouvant parcourir jusqu'à 60 kilomètres ! Sur terre également certains sont capables de chasser dans le noir le plus total : de nombreuses espèces de serpents possèdent des capteurs de chaleurs qui leur permettent de voir la nuit. Leurs proies n'ont plus qu'à garder leur sang-froid !</t>
  </si>
  <si>
    <t>N0015115</t>
  </si>
  <si>
    <t>Superanimal : Les tueurs de l'extrême</t>
  </si>
  <si>
    <t>Extreme Killers</t>
  </si>
  <si>
    <t xml:space="preserve">Découvrez les superpouvoirs qui font des alligators, des faucons et des fourmis des tueurs sans merci. L'alligator est bâti comme un sous-marin et peut se tapir dans l'eau en ne laissant dépasser que ses yeux. Sa morphologie est certes un plus, mais ses véritables superpouvoirs sont sa vitesse et sa puissance : la force de sa morsure atteint 1 200 kilos ! Dans un tout autre environnement, le faucon aussi est un prédateur redoutable, capable d'une réactivité hors du commun, il fond sur ses proies et ne leur laisse aucune chance. Vous découvrirez également que la taille ne fait vraiment pas la puissance dans le monde animal car les fourmis peuvent se montrer particulièrement féroces : chez ces insectes quasiment aveugles, le superpouvoir, c'est d'avoir compris que l'union fait la force. </t>
  </si>
  <si>
    <t>N0015197</t>
  </si>
  <si>
    <t>Superanimal : Les survivants de l'extrême</t>
  </si>
  <si>
    <t>Extreme Survivors</t>
  </si>
  <si>
    <t xml:space="preserve">Si la pieuvre, l'anguille ou encore le gecko ne font pas trembler les prédateurs, ils sont pourtant des super héros de la survie dans le royaume animal. Ces trois espèces sont capables de mutations extraordinaires. La pieuvre peut changer de couleur, mais pas seulement, elle change également de texture pour mieux se camoufler. Certaines espèces vont même jusqu'à imiter d'autres animaux des fonds marins, et le résultat est bluffant. Chez les lézards le superpouvoir est un leurre différent qui pourrait bien révolutionner la science et la médecine si l'on parvenait à l'adapter à l'homme : la régénération. L'anguille aussi à ses petites ruses bien à elle : une décharge électrique de 500 volts, ou l'équivalent de doigts dans 2 prises simultanément ! </t>
  </si>
  <si>
    <t>N0024121</t>
  </si>
  <si>
    <t>Les monstres du Jurassique</t>
  </si>
  <si>
    <t>Top 10 Biggest Beasts Ever</t>
  </si>
  <si>
    <t>01:27</t>
  </si>
  <si>
    <t>Avant que l'homme ne domine le monde, la planète Terre était le royaume des géants. Pendant 200 millions d'années, de gigantesques monstres ont imposé leur domination. Ce documentaire inédit dresse le portrait des plus grandes créatures qui ont peuplé notre planète et révèle les secrets de ces espèces aux dimensions hors du commun.</t>
  </si>
  <si>
    <t>P0893975</t>
  </si>
  <si>
    <t>Les secouristes de la jungle : Au secours des éléphants</t>
  </si>
  <si>
    <t>Jungle Animal Rescue</t>
  </si>
  <si>
    <t>Operation: Elephant</t>
  </si>
  <si>
    <t>Dans cet épisode, notre équipe de sauveteurs porte secours à un éléphant des rues, à un singe paralysé ainsi qu’à un cobra venimeux caché dans une salle de classe.</t>
  </si>
  <si>
    <t>P0893976</t>
  </si>
  <si>
    <t>Les secouristes de la jungle : Sain et sauf</t>
  </si>
  <si>
    <t>Safe And Sound</t>
  </si>
  <si>
    <t>En Inde, notre équipe de sauveteurs court au secours de deux bébés léopards tombés dans un puits, vient en aide à un gigantesque python et relâche un léopard dans son habitat naturel.</t>
  </si>
  <si>
    <t>P0893977</t>
  </si>
  <si>
    <t>Les secouristes de la jungle : Réunion de famille</t>
  </si>
  <si>
    <t>Family Reunion</t>
  </si>
  <si>
    <t>Des villageois effrayés pourchassent une hyène, un reptile envahit une maison en pleine ville et un léopardeau perdu se retrouve séparé de sa mère.</t>
  </si>
  <si>
    <t>N0028238</t>
  </si>
  <si>
    <t>Urgences Animales: Alerte rouge</t>
  </si>
  <si>
    <t>Code Red</t>
  </si>
  <si>
    <t xml:space="preserve">Aujourd’hui, les employés de la clinique GCVS viennent au secours de Houston Humane Society après qu’ils aient réceptionné plus de 200 animaux négligés qui ont été confisqués durant la perquisition d’un magasin animalier. Le spécialiste des animaux exotiques Danielle Inman et le Dr. Sue Chen soignent une large palette d’animaux souffrant de maltraitances. Heureusement, presque tous les animaux qui tombent entre leurs mains récupèrent et sont placés dans des familles d’accueil bienveillantes. 
</t>
  </si>
  <si>
    <t>N0012930</t>
  </si>
  <si>
    <t>Prédateurs de l'ombre : Les léopards</t>
  </si>
  <si>
    <t>Leopard Battleground</t>
  </si>
  <si>
    <t xml:space="preserve">Le léopard est un prédateur mystérieux au comportement encore largement inconnu de l'Homme. Les nouvelles caméras thermiques constituent une opportunité de capturer des séquences hautes définitions de cette superbe créature dans son élément. Le parc national de Yala, au Sri Lanka, accueille justement la plus grande concentration de léopards au monde. Prenez part à cette aventure unique en parcourant la jungle sri-lankaise à la recherche de ce félin. Grimpeur solitaire, aucun bruit n'échappe à sa vigilance. Entre chasse et vie socials, des séquences inédites lèvent le voile sur les secrets de ce magnifique félin. Fragile et puissant, le léopard est incontestablement un animal touchant et majestueux. De la situation cocasse de deux léopards en plein accouplement à l'incroyable lutte pour conserver sa proie face à des charognards sans merci, ce documentaire vous transporte complètement dans l'univers de cet épique félin d'Asi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00"/>
  <sheetViews>
    <sheetView showGridLines="0" tabSelected="1" topLeftCell="A185" workbookViewId="0">
      <selection activeCell="D212" sqref="D212"/>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3</v>
      </c>
      <c r="H3" s="2" t="s">
        <v>19</v>
      </c>
      <c r="I3" s="3">
        <v>2011</v>
      </c>
      <c r="J3" s="2" t="s">
        <v>20</v>
      </c>
      <c r="K3" s="2"/>
      <c r="L3" s="2" t="s">
        <v>21</v>
      </c>
    </row>
    <row r="4" spans="1:12" ht="15.2" customHeight="1">
      <c r="A4" s="2" t="s">
        <v>13</v>
      </c>
      <c r="B4" s="2" t="s">
        <v>22</v>
      </c>
      <c r="C4" s="2" t="s">
        <v>23</v>
      </c>
      <c r="D4" s="2" t="s">
        <v>24</v>
      </c>
      <c r="E4" s="2" t="s">
        <v>17</v>
      </c>
      <c r="F4" s="2" t="s">
        <v>25</v>
      </c>
      <c r="G4" s="3">
        <v>1</v>
      </c>
      <c r="H4" s="2" t="s">
        <v>26</v>
      </c>
      <c r="I4" s="3">
        <v>2009</v>
      </c>
      <c r="J4" s="2" t="s">
        <v>20</v>
      </c>
      <c r="K4" s="2"/>
      <c r="L4" s="2" t="s">
        <v>27</v>
      </c>
    </row>
    <row r="5" spans="1:12" ht="15.2" customHeight="1">
      <c r="A5" s="2" t="s">
        <v>13</v>
      </c>
      <c r="B5" s="2" t="s">
        <v>28</v>
      </c>
      <c r="C5" s="2" t="s">
        <v>29</v>
      </c>
      <c r="D5" s="2" t="s">
        <v>30</v>
      </c>
      <c r="E5" s="2" t="s">
        <v>31</v>
      </c>
      <c r="F5" s="2" t="s">
        <v>32</v>
      </c>
      <c r="G5" s="3">
        <v>5</v>
      </c>
      <c r="H5" s="2" t="s">
        <v>33</v>
      </c>
      <c r="I5" s="3">
        <v>2019</v>
      </c>
      <c r="J5" s="2" t="s">
        <v>20</v>
      </c>
      <c r="K5" s="2"/>
      <c r="L5" s="2" t="s">
        <v>34</v>
      </c>
    </row>
    <row r="6" spans="1:12" ht="15.2" customHeight="1">
      <c r="A6" s="2" t="s">
        <v>13</v>
      </c>
      <c r="B6" s="2" t="s">
        <v>35</v>
      </c>
      <c r="C6" s="2" t="s">
        <v>36</v>
      </c>
      <c r="D6" s="2" t="s">
        <v>37</v>
      </c>
      <c r="E6" s="2" t="s">
        <v>31</v>
      </c>
      <c r="F6" s="2" t="s">
        <v>38</v>
      </c>
      <c r="G6" s="3">
        <v>6</v>
      </c>
      <c r="H6" s="2" t="s">
        <v>33</v>
      </c>
      <c r="I6" s="3">
        <v>2019</v>
      </c>
      <c r="J6" s="2" t="s">
        <v>20</v>
      </c>
      <c r="K6" s="2"/>
      <c r="L6" s="2" t="s">
        <v>39</v>
      </c>
    </row>
    <row r="7" spans="1:12" ht="15.2" customHeight="1">
      <c r="A7" s="2" t="s">
        <v>13</v>
      </c>
      <c r="B7" s="2" t="s">
        <v>40</v>
      </c>
      <c r="C7" s="2" t="s">
        <v>41</v>
      </c>
      <c r="D7" s="2" t="s">
        <v>42</v>
      </c>
      <c r="E7" s="2" t="s">
        <v>43</v>
      </c>
      <c r="F7" s="2" t="s">
        <v>44</v>
      </c>
      <c r="G7" s="3">
        <v>1</v>
      </c>
      <c r="H7" s="2" t="s">
        <v>33</v>
      </c>
      <c r="I7" s="3">
        <v>2017</v>
      </c>
      <c r="J7" s="2" t="s">
        <v>20</v>
      </c>
      <c r="K7" s="2"/>
      <c r="L7" s="2" t="s">
        <v>45</v>
      </c>
    </row>
    <row r="8" spans="1:12" ht="15.2" customHeight="1">
      <c r="A8" s="2" t="s">
        <v>13</v>
      </c>
      <c r="B8" s="2" t="s">
        <v>46</v>
      </c>
      <c r="C8" s="2" t="s">
        <v>47</v>
      </c>
      <c r="D8" s="2" t="s">
        <v>48</v>
      </c>
      <c r="E8" s="2" t="s">
        <v>49</v>
      </c>
      <c r="F8" s="2" t="s">
        <v>50</v>
      </c>
      <c r="G8" s="3">
        <v>3</v>
      </c>
      <c r="H8" s="2" t="s">
        <v>33</v>
      </c>
      <c r="I8" s="3">
        <v>2014</v>
      </c>
      <c r="J8" s="2" t="s">
        <v>20</v>
      </c>
      <c r="K8" s="2"/>
      <c r="L8" s="2" t="s">
        <v>51</v>
      </c>
    </row>
    <row r="9" spans="1:12" ht="15.2" customHeight="1">
      <c r="A9" s="2" t="s">
        <v>13</v>
      </c>
      <c r="B9" s="2" t="s">
        <v>52</v>
      </c>
      <c r="C9" s="2" t="s">
        <v>53</v>
      </c>
      <c r="D9" s="2" t="s">
        <v>54</v>
      </c>
      <c r="E9" s="2" t="s">
        <v>55</v>
      </c>
      <c r="F9" s="2" t="s">
        <v>56</v>
      </c>
      <c r="G9" s="3">
        <v>6</v>
      </c>
      <c r="H9" s="2" t="s">
        <v>33</v>
      </c>
      <c r="I9" s="3">
        <v>2018</v>
      </c>
      <c r="J9" s="2" t="s">
        <v>20</v>
      </c>
      <c r="K9" s="2"/>
      <c r="L9" s="2" t="s">
        <v>57</v>
      </c>
    </row>
    <row r="10" spans="1:12" ht="15.2" customHeight="1">
      <c r="A10" s="2" t="s">
        <v>13</v>
      </c>
      <c r="B10" s="2" t="s">
        <v>58</v>
      </c>
      <c r="C10" s="2" t="s">
        <v>59</v>
      </c>
      <c r="D10" s="2" t="s">
        <v>60</v>
      </c>
      <c r="E10" s="2" t="s">
        <v>61</v>
      </c>
      <c r="F10" s="2" t="s">
        <v>62</v>
      </c>
      <c r="G10" s="3">
        <v>1</v>
      </c>
      <c r="H10" s="2" t="s">
        <v>33</v>
      </c>
      <c r="I10" s="3">
        <v>2014</v>
      </c>
      <c r="J10" s="2" t="s">
        <v>20</v>
      </c>
      <c r="K10" s="2"/>
      <c r="L10" s="2" t="s">
        <v>63</v>
      </c>
    </row>
    <row r="11" spans="1:12" ht="15.2" customHeight="1">
      <c r="A11" s="2" t="s">
        <v>13</v>
      </c>
      <c r="B11" s="2" t="s">
        <v>64</v>
      </c>
      <c r="C11" s="2" t="s">
        <v>65</v>
      </c>
      <c r="D11" s="2" t="s">
        <v>66</v>
      </c>
      <c r="E11" s="2" t="s">
        <v>61</v>
      </c>
      <c r="F11" s="2" t="s">
        <v>67</v>
      </c>
      <c r="G11" s="3">
        <v>2</v>
      </c>
      <c r="H11" s="2" t="s">
        <v>33</v>
      </c>
      <c r="I11" s="3">
        <v>2014</v>
      </c>
      <c r="J11" s="2" t="s">
        <v>20</v>
      </c>
      <c r="K11" s="2"/>
      <c r="L11" s="2" t="s">
        <v>68</v>
      </c>
    </row>
    <row r="12" spans="1:12" ht="15.2" customHeight="1">
      <c r="A12" s="2" t="s">
        <v>13</v>
      </c>
      <c r="B12" s="2" t="s">
        <v>69</v>
      </c>
      <c r="C12" s="2" t="s">
        <v>70</v>
      </c>
      <c r="D12" s="2" t="s">
        <v>71</v>
      </c>
      <c r="E12" s="2" t="s">
        <v>72</v>
      </c>
      <c r="F12" s="2" t="s">
        <v>73</v>
      </c>
      <c r="G12" s="3">
        <v>3</v>
      </c>
      <c r="H12" s="2" t="s">
        <v>74</v>
      </c>
      <c r="I12" s="3">
        <v>2019</v>
      </c>
      <c r="J12" s="2" t="s">
        <v>75</v>
      </c>
      <c r="K12" s="2"/>
      <c r="L12" s="2" t="s">
        <v>76</v>
      </c>
    </row>
    <row r="13" spans="1:12" ht="15.2" customHeight="1">
      <c r="A13" s="2" t="s">
        <v>13</v>
      </c>
      <c r="B13" s="2" t="s">
        <v>77</v>
      </c>
      <c r="C13" s="2" t="s">
        <v>78</v>
      </c>
      <c r="D13" s="2" t="s">
        <v>79</v>
      </c>
      <c r="E13" s="2" t="s">
        <v>72</v>
      </c>
      <c r="F13" s="2" t="s">
        <v>80</v>
      </c>
      <c r="G13" s="3">
        <v>4</v>
      </c>
      <c r="H13" s="2" t="s">
        <v>74</v>
      </c>
      <c r="I13" s="3">
        <v>2019</v>
      </c>
      <c r="J13" s="2" t="s">
        <v>75</v>
      </c>
      <c r="K13" s="2"/>
      <c r="L13" s="2" t="s">
        <v>81</v>
      </c>
    </row>
    <row r="14" spans="1:12" ht="15.2" customHeight="1">
      <c r="A14" s="2" t="s">
        <v>13</v>
      </c>
      <c r="B14" s="2" t="s">
        <v>82</v>
      </c>
      <c r="C14" s="2" t="s">
        <v>83</v>
      </c>
      <c r="D14" s="2" t="s">
        <v>84</v>
      </c>
      <c r="E14" s="2" t="s">
        <v>85</v>
      </c>
      <c r="F14" s="2" t="s">
        <v>86</v>
      </c>
      <c r="G14" s="3">
        <v>2</v>
      </c>
      <c r="H14" s="2" t="s">
        <v>19</v>
      </c>
      <c r="I14" s="3">
        <v>2012</v>
      </c>
      <c r="J14" s="2" t="s">
        <v>20</v>
      </c>
      <c r="K14" s="2"/>
      <c r="L14" s="2" t="s">
        <v>87</v>
      </c>
    </row>
    <row r="15" spans="1:12" ht="15.2" customHeight="1">
      <c r="A15" s="2" t="s">
        <v>13</v>
      </c>
      <c r="B15" s="2" t="s">
        <v>88</v>
      </c>
      <c r="C15" s="2" t="s">
        <v>89</v>
      </c>
      <c r="D15" s="2" t="s">
        <v>90</v>
      </c>
      <c r="E15" s="2" t="s">
        <v>91</v>
      </c>
      <c r="F15" s="2" t="s">
        <v>92</v>
      </c>
      <c r="G15" s="3">
        <v>3</v>
      </c>
      <c r="H15" s="2" t="s">
        <v>93</v>
      </c>
      <c r="I15" s="3">
        <v>2019</v>
      </c>
      <c r="J15" s="2" t="s">
        <v>20</v>
      </c>
      <c r="K15" s="2"/>
      <c r="L15" s="2" t="s">
        <v>94</v>
      </c>
    </row>
    <row r="16" spans="1:12" ht="15.2" customHeight="1">
      <c r="A16" s="2" t="s">
        <v>13</v>
      </c>
      <c r="B16" s="2" t="s">
        <v>95</v>
      </c>
      <c r="C16" s="2" t="s">
        <v>96</v>
      </c>
      <c r="D16" s="2" t="s">
        <v>97</v>
      </c>
      <c r="E16" s="2" t="s">
        <v>98</v>
      </c>
      <c r="F16" s="2" t="s">
        <v>99</v>
      </c>
      <c r="G16" s="3">
        <v>4</v>
      </c>
      <c r="H16" s="2" t="s">
        <v>100</v>
      </c>
      <c r="I16" s="3">
        <v>2019</v>
      </c>
      <c r="J16" s="2" t="s">
        <v>20</v>
      </c>
      <c r="K16" s="2"/>
      <c r="L16" s="2" t="s">
        <v>101</v>
      </c>
    </row>
    <row r="17" spans="1:12" ht="15.2" customHeight="1">
      <c r="A17" s="2" t="s">
        <v>13</v>
      </c>
      <c r="B17" s="2" t="s">
        <v>102</v>
      </c>
      <c r="C17" s="2" t="s">
        <v>103</v>
      </c>
      <c r="D17" s="2" t="s">
        <v>104</v>
      </c>
      <c r="E17" s="2" t="s">
        <v>98</v>
      </c>
      <c r="F17" s="2" t="s">
        <v>105</v>
      </c>
      <c r="G17" s="3">
        <v>5</v>
      </c>
      <c r="H17" s="2" t="s">
        <v>100</v>
      </c>
      <c r="I17" s="3">
        <v>2019</v>
      </c>
      <c r="J17" s="2" t="s">
        <v>20</v>
      </c>
      <c r="K17" s="2"/>
      <c r="L17" s="2" t="s">
        <v>106</v>
      </c>
    </row>
    <row r="18" spans="1:12" ht="15.2" customHeight="1">
      <c r="A18" s="2" t="s">
        <v>13</v>
      </c>
      <c r="B18" s="2" t="s">
        <v>107</v>
      </c>
      <c r="C18" s="2" t="s">
        <v>108</v>
      </c>
      <c r="D18" s="2" t="s">
        <v>109</v>
      </c>
      <c r="E18" s="2" t="s">
        <v>98</v>
      </c>
      <c r="F18" s="2" t="s">
        <v>110</v>
      </c>
      <c r="G18" s="3">
        <v>15</v>
      </c>
      <c r="H18" s="2" t="s">
        <v>100</v>
      </c>
      <c r="I18" s="3">
        <v>2018</v>
      </c>
      <c r="J18" s="2" t="s">
        <v>20</v>
      </c>
      <c r="K18" s="2"/>
      <c r="L18" s="2" t="s">
        <v>111</v>
      </c>
    </row>
    <row r="19" spans="1:12" ht="15.2" customHeight="1">
      <c r="A19" s="2" t="s">
        <v>13</v>
      </c>
      <c r="B19" s="2" t="s">
        <v>112</v>
      </c>
      <c r="C19" s="2" t="s">
        <v>113</v>
      </c>
      <c r="D19" s="2" t="s">
        <v>114</v>
      </c>
      <c r="E19" s="2" t="s">
        <v>98</v>
      </c>
      <c r="F19" s="2" t="s">
        <v>115</v>
      </c>
      <c r="G19" s="3">
        <v>16</v>
      </c>
      <c r="H19" s="2" t="s">
        <v>100</v>
      </c>
      <c r="I19" s="3">
        <v>2018</v>
      </c>
      <c r="J19" s="2" t="s">
        <v>20</v>
      </c>
      <c r="K19" s="2"/>
      <c r="L19" s="2" t="s">
        <v>116</v>
      </c>
    </row>
    <row r="20" spans="1:12" ht="15.2" customHeight="1">
      <c r="A20" s="2" t="s">
        <v>13</v>
      </c>
      <c r="B20" s="2" t="s">
        <v>117</v>
      </c>
      <c r="C20" s="2" t="s">
        <v>118</v>
      </c>
      <c r="D20" s="2" t="s">
        <v>119</v>
      </c>
      <c r="E20" s="2" t="s">
        <v>120</v>
      </c>
      <c r="F20" s="2" t="s">
        <v>121</v>
      </c>
      <c r="G20" s="3">
        <v>1</v>
      </c>
      <c r="H20" s="2" t="s">
        <v>33</v>
      </c>
      <c r="I20" s="3">
        <v>2014</v>
      </c>
      <c r="J20" s="2" t="s">
        <v>20</v>
      </c>
      <c r="K20" s="2"/>
      <c r="L20" s="2" t="s">
        <v>122</v>
      </c>
    </row>
    <row r="21" spans="1:12" ht="15.2" customHeight="1">
      <c r="A21" s="2" t="s">
        <v>13</v>
      </c>
      <c r="B21" s="2" t="s">
        <v>123</v>
      </c>
      <c r="C21" s="2" t="s">
        <v>124</v>
      </c>
      <c r="D21" s="2" t="s">
        <v>125</v>
      </c>
      <c r="E21" s="2" t="s">
        <v>120</v>
      </c>
      <c r="F21" s="2" t="s">
        <v>126</v>
      </c>
      <c r="G21" s="3">
        <v>2</v>
      </c>
      <c r="H21" s="2" t="s">
        <v>33</v>
      </c>
      <c r="I21" s="3">
        <v>2014</v>
      </c>
      <c r="J21" s="2" t="s">
        <v>20</v>
      </c>
      <c r="K21" s="2"/>
      <c r="L21" s="2" t="s">
        <v>127</v>
      </c>
    </row>
    <row r="22" spans="1:12" ht="15.2" customHeight="1">
      <c r="A22" s="2" t="s">
        <v>13</v>
      </c>
      <c r="B22" s="2" t="s">
        <v>128</v>
      </c>
      <c r="C22" s="2"/>
      <c r="D22" s="2"/>
      <c r="E22" s="2" t="s">
        <v>129</v>
      </c>
      <c r="F22" s="2" t="s">
        <v>130</v>
      </c>
      <c r="G22" s="3">
        <v>18</v>
      </c>
      <c r="H22" s="2" t="s">
        <v>19</v>
      </c>
      <c r="I22" s="3">
        <v>2019</v>
      </c>
      <c r="J22" s="2" t="s">
        <v>20</v>
      </c>
      <c r="K22" s="2"/>
      <c r="L22" s="2" t="s">
        <v>131</v>
      </c>
    </row>
    <row r="23" spans="1:12" ht="15.2" customHeight="1">
      <c r="A23" s="2" t="s">
        <v>13</v>
      </c>
      <c r="B23" s="2" t="s">
        <v>132</v>
      </c>
      <c r="C23" s="2" t="s">
        <v>133</v>
      </c>
      <c r="D23" s="2" t="s">
        <v>134</v>
      </c>
      <c r="E23" s="2" t="s">
        <v>129</v>
      </c>
      <c r="F23" s="2" t="s">
        <v>135</v>
      </c>
      <c r="G23" s="3">
        <v>1</v>
      </c>
      <c r="H23" s="2" t="s">
        <v>33</v>
      </c>
      <c r="I23" s="3">
        <v>2018</v>
      </c>
      <c r="J23" s="2" t="s">
        <v>20</v>
      </c>
      <c r="K23" s="2"/>
      <c r="L23" s="2" t="s">
        <v>136</v>
      </c>
    </row>
    <row r="24" spans="1:12" ht="15.2" customHeight="1">
      <c r="A24" s="2" t="s">
        <v>13</v>
      </c>
      <c r="B24" s="2" t="s">
        <v>137</v>
      </c>
      <c r="C24" s="2" t="s">
        <v>138</v>
      </c>
      <c r="D24" s="2" t="s">
        <v>139</v>
      </c>
      <c r="E24" s="2" t="s">
        <v>140</v>
      </c>
      <c r="F24" s="2" t="s">
        <v>141</v>
      </c>
      <c r="G24" s="3">
        <v>1</v>
      </c>
      <c r="H24" s="2" t="s">
        <v>33</v>
      </c>
      <c r="I24" s="3">
        <v>2019</v>
      </c>
      <c r="J24" s="2" t="s">
        <v>142</v>
      </c>
      <c r="K24" s="2"/>
      <c r="L24" s="2" t="s">
        <v>143</v>
      </c>
    </row>
    <row r="25" spans="1:12" ht="15.2" customHeight="1">
      <c r="A25" s="2" t="s">
        <v>13</v>
      </c>
      <c r="B25" s="2" t="s">
        <v>144</v>
      </c>
      <c r="C25" s="2" t="s">
        <v>145</v>
      </c>
      <c r="D25" s="2" t="s">
        <v>146</v>
      </c>
      <c r="E25" s="2" t="s">
        <v>140</v>
      </c>
      <c r="F25" s="2" t="s">
        <v>147</v>
      </c>
      <c r="G25" s="3">
        <v>2</v>
      </c>
      <c r="H25" s="2" t="s">
        <v>33</v>
      </c>
      <c r="I25" s="3">
        <v>2019</v>
      </c>
      <c r="J25" s="2" t="s">
        <v>142</v>
      </c>
      <c r="K25" s="2"/>
      <c r="L25" s="2" t="s">
        <v>148</v>
      </c>
    </row>
    <row r="26" spans="1:12" ht="15.2" customHeight="1">
      <c r="A26" s="2" t="s">
        <v>13</v>
      </c>
      <c r="B26" s="2" t="s">
        <v>149</v>
      </c>
      <c r="C26" s="2" t="s">
        <v>150</v>
      </c>
      <c r="D26" s="2" t="s">
        <v>151</v>
      </c>
      <c r="E26" s="2" t="s">
        <v>140</v>
      </c>
      <c r="F26" s="2" t="s">
        <v>152</v>
      </c>
      <c r="G26" s="3">
        <v>3</v>
      </c>
      <c r="H26" s="2" t="s">
        <v>33</v>
      </c>
      <c r="I26" s="3">
        <v>2019</v>
      </c>
      <c r="J26" s="2" t="s">
        <v>142</v>
      </c>
      <c r="K26" s="2"/>
      <c r="L26" s="2" t="s">
        <v>153</v>
      </c>
    </row>
    <row r="27" spans="1:12" ht="15.2" customHeight="1">
      <c r="A27" s="2" t="s">
        <v>13</v>
      </c>
      <c r="B27" s="2" t="s">
        <v>154</v>
      </c>
      <c r="C27" s="2" t="s">
        <v>155</v>
      </c>
      <c r="D27" s="2" t="s">
        <v>156</v>
      </c>
      <c r="E27" s="2" t="s">
        <v>140</v>
      </c>
      <c r="F27" s="2" t="s">
        <v>157</v>
      </c>
      <c r="G27" s="3">
        <v>4</v>
      </c>
      <c r="H27" s="2" t="s">
        <v>33</v>
      </c>
      <c r="I27" s="3">
        <v>2019</v>
      </c>
      <c r="J27" s="2" t="s">
        <v>142</v>
      </c>
      <c r="K27" s="2"/>
      <c r="L27" s="2" t="s">
        <v>158</v>
      </c>
    </row>
    <row r="28" spans="1:12" ht="15.2" customHeight="1">
      <c r="A28" s="2" t="s">
        <v>13</v>
      </c>
      <c r="B28" s="2" t="s">
        <v>159</v>
      </c>
      <c r="C28" s="2" t="s">
        <v>29</v>
      </c>
      <c r="D28" s="2" t="s">
        <v>30</v>
      </c>
      <c r="E28" s="2" t="s">
        <v>31</v>
      </c>
      <c r="F28" s="2" t="s">
        <v>32</v>
      </c>
      <c r="G28" s="3">
        <v>5</v>
      </c>
      <c r="H28" s="2" t="s">
        <v>33</v>
      </c>
      <c r="I28" s="3">
        <v>2019</v>
      </c>
      <c r="J28" s="2" t="s">
        <v>20</v>
      </c>
      <c r="K28" s="2"/>
      <c r="L28" s="2" t="s">
        <v>34</v>
      </c>
    </row>
    <row r="29" spans="1:12" ht="15.2" customHeight="1">
      <c r="A29" s="2" t="s">
        <v>13</v>
      </c>
      <c r="B29" s="2" t="s">
        <v>160</v>
      </c>
      <c r="C29" s="2" t="s">
        <v>36</v>
      </c>
      <c r="D29" s="2" t="s">
        <v>37</v>
      </c>
      <c r="E29" s="2" t="s">
        <v>31</v>
      </c>
      <c r="F29" s="2" t="s">
        <v>38</v>
      </c>
      <c r="G29" s="3">
        <v>6</v>
      </c>
      <c r="H29" s="2" t="s">
        <v>33</v>
      </c>
      <c r="I29" s="3">
        <v>2019</v>
      </c>
      <c r="J29" s="2" t="s">
        <v>20</v>
      </c>
      <c r="K29" s="2"/>
      <c r="L29" s="2" t="s">
        <v>39</v>
      </c>
    </row>
    <row r="30" spans="1:12" ht="15.2" customHeight="1">
      <c r="A30" s="2" t="s">
        <v>13</v>
      </c>
      <c r="B30" s="2" t="s">
        <v>161</v>
      </c>
      <c r="C30" s="2" t="s">
        <v>118</v>
      </c>
      <c r="D30" s="2" t="s">
        <v>119</v>
      </c>
      <c r="E30" s="2" t="s">
        <v>120</v>
      </c>
      <c r="F30" s="2" t="s">
        <v>121</v>
      </c>
      <c r="G30" s="3">
        <v>1</v>
      </c>
      <c r="H30" s="2" t="s">
        <v>33</v>
      </c>
      <c r="I30" s="3">
        <v>2014</v>
      </c>
      <c r="J30" s="2" t="s">
        <v>20</v>
      </c>
      <c r="K30" s="2"/>
      <c r="L30" s="2" t="s">
        <v>122</v>
      </c>
    </row>
    <row r="31" spans="1:12" ht="15.2" customHeight="1">
      <c r="A31" s="2" t="s">
        <v>162</v>
      </c>
      <c r="B31" s="2" t="s">
        <v>14</v>
      </c>
      <c r="C31" s="2" t="s">
        <v>163</v>
      </c>
      <c r="D31" s="2" t="s">
        <v>164</v>
      </c>
      <c r="E31" s="2" t="s">
        <v>165</v>
      </c>
      <c r="F31" s="2" t="s">
        <v>166</v>
      </c>
      <c r="G31" s="3">
        <v>5</v>
      </c>
      <c r="H31" s="2" t="s">
        <v>33</v>
      </c>
      <c r="I31" s="3">
        <v>2015</v>
      </c>
      <c r="J31" s="2" t="s">
        <v>20</v>
      </c>
      <c r="K31" s="2"/>
      <c r="L31" s="2" t="s">
        <v>167</v>
      </c>
    </row>
    <row r="32" spans="1:12" ht="15.2" customHeight="1">
      <c r="A32" s="2" t="s">
        <v>162</v>
      </c>
      <c r="B32" s="2" t="s">
        <v>22</v>
      </c>
      <c r="C32" s="2" t="s">
        <v>168</v>
      </c>
      <c r="D32" s="2" t="s">
        <v>169</v>
      </c>
      <c r="E32" s="2" t="s">
        <v>165</v>
      </c>
      <c r="F32" s="2" t="s">
        <v>170</v>
      </c>
      <c r="G32" s="3">
        <v>6</v>
      </c>
      <c r="H32" s="2" t="s">
        <v>100</v>
      </c>
      <c r="I32" s="3">
        <v>2015</v>
      </c>
      <c r="J32" s="2" t="s">
        <v>20</v>
      </c>
      <c r="K32" s="2"/>
      <c r="L32" s="2" t="s">
        <v>171</v>
      </c>
    </row>
    <row r="33" spans="1:12" ht="15.2" customHeight="1">
      <c r="A33" s="2" t="s">
        <v>162</v>
      </c>
      <c r="B33" s="2" t="s">
        <v>28</v>
      </c>
      <c r="C33" s="2"/>
      <c r="D33" s="2"/>
      <c r="E33" s="2" t="s">
        <v>129</v>
      </c>
      <c r="F33" s="2" t="s">
        <v>130</v>
      </c>
      <c r="G33" s="3">
        <v>18</v>
      </c>
      <c r="H33" s="2" t="s">
        <v>19</v>
      </c>
      <c r="I33" s="3">
        <v>2019</v>
      </c>
      <c r="J33" s="2" t="s">
        <v>20</v>
      </c>
      <c r="K33" s="2"/>
      <c r="L33" s="2" t="s">
        <v>131</v>
      </c>
    </row>
    <row r="34" spans="1:12" ht="15.2" customHeight="1">
      <c r="A34" s="2" t="s">
        <v>162</v>
      </c>
      <c r="B34" s="2" t="s">
        <v>40</v>
      </c>
      <c r="C34" s="2" t="s">
        <v>133</v>
      </c>
      <c r="D34" s="2" t="s">
        <v>134</v>
      </c>
      <c r="E34" s="2" t="s">
        <v>129</v>
      </c>
      <c r="F34" s="2" t="s">
        <v>135</v>
      </c>
      <c r="G34" s="3">
        <v>1</v>
      </c>
      <c r="H34" s="2" t="s">
        <v>33</v>
      </c>
      <c r="I34" s="3">
        <v>2018</v>
      </c>
      <c r="J34" s="2" t="s">
        <v>20</v>
      </c>
      <c r="K34" s="2"/>
      <c r="L34" s="2" t="s">
        <v>136</v>
      </c>
    </row>
    <row r="35" spans="1:12" ht="15.2" customHeight="1">
      <c r="A35" s="2" t="s">
        <v>162</v>
      </c>
      <c r="B35" s="2" t="s">
        <v>46</v>
      </c>
      <c r="C35" s="2" t="s">
        <v>118</v>
      </c>
      <c r="D35" s="2" t="s">
        <v>119</v>
      </c>
      <c r="E35" s="2" t="s">
        <v>120</v>
      </c>
      <c r="F35" s="2" t="s">
        <v>121</v>
      </c>
      <c r="G35" s="3">
        <v>1</v>
      </c>
      <c r="H35" s="2" t="s">
        <v>33</v>
      </c>
      <c r="I35" s="3">
        <v>2014</v>
      </c>
      <c r="J35" s="2" t="s">
        <v>20</v>
      </c>
      <c r="K35" s="2"/>
      <c r="L35" s="2" t="s">
        <v>122</v>
      </c>
    </row>
    <row r="36" spans="1:12" ht="15.2" customHeight="1">
      <c r="A36" s="2" t="s">
        <v>162</v>
      </c>
      <c r="B36" s="2" t="s">
        <v>52</v>
      </c>
      <c r="C36" s="2" t="s">
        <v>124</v>
      </c>
      <c r="D36" s="2" t="s">
        <v>125</v>
      </c>
      <c r="E36" s="2" t="s">
        <v>120</v>
      </c>
      <c r="F36" s="2" t="s">
        <v>126</v>
      </c>
      <c r="G36" s="3">
        <v>2</v>
      </c>
      <c r="H36" s="2" t="s">
        <v>33</v>
      </c>
      <c r="I36" s="3">
        <v>2014</v>
      </c>
      <c r="J36" s="2" t="s">
        <v>20</v>
      </c>
      <c r="K36" s="2"/>
      <c r="L36" s="2" t="s">
        <v>127</v>
      </c>
    </row>
    <row r="37" spans="1:12" ht="15.2" customHeight="1">
      <c r="A37" s="2" t="s">
        <v>162</v>
      </c>
      <c r="B37" s="2" t="s">
        <v>58</v>
      </c>
      <c r="C37" s="2" t="s">
        <v>15</v>
      </c>
      <c r="D37" s="2" t="s">
        <v>16</v>
      </c>
      <c r="E37" s="2" t="s">
        <v>17</v>
      </c>
      <c r="F37" s="2" t="s">
        <v>18</v>
      </c>
      <c r="G37" s="3">
        <v>3</v>
      </c>
      <c r="H37" s="2" t="s">
        <v>19</v>
      </c>
      <c r="I37" s="3">
        <v>2011</v>
      </c>
      <c r="J37" s="2" t="s">
        <v>20</v>
      </c>
      <c r="K37" s="2"/>
      <c r="L37" s="2" t="s">
        <v>21</v>
      </c>
    </row>
    <row r="38" spans="1:12" ht="15.2" customHeight="1">
      <c r="A38" s="2" t="s">
        <v>162</v>
      </c>
      <c r="B38" s="2" t="s">
        <v>64</v>
      </c>
      <c r="C38" s="2" t="s">
        <v>53</v>
      </c>
      <c r="D38" s="2" t="s">
        <v>54</v>
      </c>
      <c r="E38" s="2" t="s">
        <v>55</v>
      </c>
      <c r="F38" s="2" t="s">
        <v>56</v>
      </c>
      <c r="G38" s="3">
        <v>6</v>
      </c>
      <c r="H38" s="2" t="s">
        <v>33</v>
      </c>
      <c r="I38" s="3">
        <v>2018</v>
      </c>
      <c r="J38" s="2" t="s">
        <v>20</v>
      </c>
      <c r="K38" s="2"/>
      <c r="L38" s="2" t="s">
        <v>57</v>
      </c>
    </row>
    <row r="39" spans="1:12" ht="15.2" customHeight="1">
      <c r="A39" s="2" t="s">
        <v>162</v>
      </c>
      <c r="B39" s="2" t="s">
        <v>69</v>
      </c>
      <c r="C39" s="2" t="s">
        <v>59</v>
      </c>
      <c r="D39" s="2" t="s">
        <v>60</v>
      </c>
      <c r="E39" s="2" t="s">
        <v>61</v>
      </c>
      <c r="F39" s="2" t="s">
        <v>62</v>
      </c>
      <c r="G39" s="3">
        <v>1</v>
      </c>
      <c r="H39" s="2" t="s">
        <v>33</v>
      </c>
      <c r="I39" s="3">
        <v>2014</v>
      </c>
      <c r="J39" s="2" t="s">
        <v>20</v>
      </c>
      <c r="K39" s="2"/>
      <c r="L39" s="2" t="s">
        <v>63</v>
      </c>
    </row>
    <row r="40" spans="1:12" ht="15.2" customHeight="1">
      <c r="A40" s="2" t="s">
        <v>162</v>
      </c>
      <c r="B40" s="2" t="s">
        <v>77</v>
      </c>
      <c r="C40" s="2" t="s">
        <v>65</v>
      </c>
      <c r="D40" s="2" t="s">
        <v>66</v>
      </c>
      <c r="E40" s="2" t="s">
        <v>61</v>
      </c>
      <c r="F40" s="2" t="s">
        <v>67</v>
      </c>
      <c r="G40" s="3">
        <v>2</v>
      </c>
      <c r="H40" s="2" t="s">
        <v>33</v>
      </c>
      <c r="I40" s="3">
        <v>2014</v>
      </c>
      <c r="J40" s="2" t="s">
        <v>20</v>
      </c>
      <c r="K40" s="2"/>
      <c r="L40" s="2" t="s">
        <v>68</v>
      </c>
    </row>
    <row r="41" spans="1:12" ht="15.2" customHeight="1">
      <c r="A41" s="2" t="s">
        <v>162</v>
      </c>
      <c r="B41" s="2" t="s">
        <v>82</v>
      </c>
      <c r="C41" s="2" t="s">
        <v>172</v>
      </c>
      <c r="D41" s="2" t="s">
        <v>173</v>
      </c>
      <c r="E41" s="2" t="s">
        <v>174</v>
      </c>
      <c r="F41" s="2" t="s">
        <v>175</v>
      </c>
      <c r="G41" s="3">
        <v>3</v>
      </c>
      <c r="H41" s="2" t="s">
        <v>33</v>
      </c>
      <c r="I41" s="3">
        <v>2016</v>
      </c>
      <c r="J41" s="2" t="s">
        <v>20</v>
      </c>
      <c r="K41" s="2"/>
      <c r="L41" s="2" t="s">
        <v>176</v>
      </c>
    </row>
    <row r="42" spans="1:12" ht="15.2" customHeight="1">
      <c r="A42" s="2" t="s">
        <v>162</v>
      </c>
      <c r="B42" s="2" t="s">
        <v>88</v>
      </c>
      <c r="C42" s="2" t="s">
        <v>177</v>
      </c>
      <c r="D42" s="2" t="s">
        <v>178</v>
      </c>
      <c r="E42" s="2" t="s">
        <v>179</v>
      </c>
      <c r="F42" s="2" t="s">
        <v>180</v>
      </c>
      <c r="G42" s="3">
        <v>4</v>
      </c>
      <c r="H42" s="2" t="s">
        <v>181</v>
      </c>
      <c r="I42" s="3">
        <v>2018</v>
      </c>
      <c r="J42" s="2" t="s">
        <v>20</v>
      </c>
      <c r="K42" s="2"/>
      <c r="L42" s="2" t="s">
        <v>182</v>
      </c>
    </row>
    <row r="43" spans="1:12" ht="15.2" customHeight="1">
      <c r="A43" s="2" t="s">
        <v>162</v>
      </c>
      <c r="B43" s="2" t="s">
        <v>95</v>
      </c>
      <c r="C43" s="2" t="s">
        <v>183</v>
      </c>
      <c r="D43" s="2" t="s">
        <v>184</v>
      </c>
      <c r="E43" s="2" t="s">
        <v>185</v>
      </c>
      <c r="F43" s="2" t="s">
        <v>186</v>
      </c>
      <c r="G43" s="3">
        <v>1</v>
      </c>
      <c r="H43" s="2" t="s">
        <v>33</v>
      </c>
      <c r="I43" s="3">
        <v>2018</v>
      </c>
      <c r="J43" s="2" t="s">
        <v>187</v>
      </c>
      <c r="K43" s="2"/>
      <c r="L43" s="2" t="s">
        <v>188</v>
      </c>
    </row>
    <row r="44" spans="1:12" ht="15.2" customHeight="1">
      <c r="A44" s="2" t="s">
        <v>162</v>
      </c>
      <c r="B44" s="2" t="s">
        <v>102</v>
      </c>
      <c r="C44" s="2" t="s">
        <v>189</v>
      </c>
      <c r="D44" s="2" t="s">
        <v>190</v>
      </c>
      <c r="E44" s="2" t="s">
        <v>185</v>
      </c>
      <c r="F44" s="2" t="s">
        <v>191</v>
      </c>
      <c r="G44" s="3">
        <v>2</v>
      </c>
      <c r="H44" s="2" t="s">
        <v>33</v>
      </c>
      <c r="I44" s="3">
        <v>2018</v>
      </c>
      <c r="J44" s="2" t="s">
        <v>187</v>
      </c>
      <c r="K44" s="2"/>
      <c r="L44" s="2" t="s">
        <v>192</v>
      </c>
    </row>
    <row r="45" spans="1:12" ht="15.2" customHeight="1">
      <c r="A45" s="2" t="s">
        <v>162</v>
      </c>
      <c r="B45" s="2" t="s">
        <v>107</v>
      </c>
      <c r="C45" s="2" t="s">
        <v>193</v>
      </c>
      <c r="D45" s="2" t="s">
        <v>194</v>
      </c>
      <c r="E45" s="2" t="s">
        <v>195</v>
      </c>
      <c r="F45" s="2" t="s">
        <v>196</v>
      </c>
      <c r="G45" s="3">
        <v>1</v>
      </c>
      <c r="H45" s="2" t="s">
        <v>33</v>
      </c>
      <c r="I45" s="3">
        <v>2017</v>
      </c>
      <c r="J45" s="2" t="s">
        <v>75</v>
      </c>
      <c r="K45" s="2"/>
      <c r="L45" s="2" t="s">
        <v>197</v>
      </c>
    </row>
    <row r="46" spans="1:12" ht="15.2" customHeight="1">
      <c r="A46" s="2" t="s">
        <v>162</v>
      </c>
      <c r="B46" s="2" t="s">
        <v>112</v>
      </c>
      <c r="C46" s="2" t="s">
        <v>198</v>
      </c>
      <c r="D46" s="2" t="s">
        <v>199</v>
      </c>
      <c r="E46" s="2" t="s">
        <v>195</v>
      </c>
      <c r="F46" s="2" t="s">
        <v>200</v>
      </c>
      <c r="G46" s="3">
        <v>2</v>
      </c>
      <c r="H46" s="2" t="s">
        <v>33</v>
      </c>
      <c r="I46" s="3">
        <v>2017</v>
      </c>
      <c r="J46" s="2" t="s">
        <v>75</v>
      </c>
      <c r="K46" s="2"/>
      <c r="L46" s="2" t="s">
        <v>201</v>
      </c>
    </row>
    <row r="47" spans="1:12" ht="15.2" customHeight="1">
      <c r="A47" s="2" t="s">
        <v>162</v>
      </c>
      <c r="B47" s="2" t="s">
        <v>117</v>
      </c>
      <c r="C47" s="2" t="s">
        <v>202</v>
      </c>
      <c r="D47" s="2" t="s">
        <v>203</v>
      </c>
      <c r="E47" s="2" t="s">
        <v>165</v>
      </c>
      <c r="F47" s="2" t="s">
        <v>204</v>
      </c>
      <c r="G47" s="3">
        <v>7</v>
      </c>
      <c r="H47" s="2" t="s">
        <v>205</v>
      </c>
      <c r="I47" s="3">
        <v>2015</v>
      </c>
      <c r="J47" s="2" t="s">
        <v>20</v>
      </c>
      <c r="K47" s="2"/>
      <c r="L47" s="2" t="s">
        <v>206</v>
      </c>
    </row>
    <row r="48" spans="1:12" ht="15.2" customHeight="1">
      <c r="A48" s="2" t="s">
        <v>162</v>
      </c>
      <c r="B48" s="2" t="s">
        <v>123</v>
      </c>
      <c r="C48" s="2" t="s">
        <v>207</v>
      </c>
      <c r="D48" s="2" t="s">
        <v>208</v>
      </c>
      <c r="E48" s="2" t="s">
        <v>165</v>
      </c>
      <c r="F48" s="2" t="s">
        <v>209</v>
      </c>
      <c r="G48" s="3">
        <v>8</v>
      </c>
      <c r="H48" s="2" t="s">
        <v>33</v>
      </c>
      <c r="I48" s="3">
        <v>2015</v>
      </c>
      <c r="J48" s="2" t="s">
        <v>20</v>
      </c>
      <c r="K48" s="2"/>
      <c r="L48" s="2" t="s">
        <v>210</v>
      </c>
    </row>
    <row r="49" spans="1:12" ht="15.2" customHeight="1">
      <c r="A49" s="2" t="s">
        <v>162</v>
      </c>
      <c r="B49" s="2" t="s">
        <v>128</v>
      </c>
      <c r="C49" s="2" t="s">
        <v>96</v>
      </c>
      <c r="D49" s="2" t="s">
        <v>97</v>
      </c>
      <c r="E49" s="2" t="s">
        <v>98</v>
      </c>
      <c r="F49" s="2" t="s">
        <v>99</v>
      </c>
      <c r="G49" s="3">
        <v>4</v>
      </c>
      <c r="H49" s="2" t="s">
        <v>100</v>
      </c>
      <c r="I49" s="3">
        <v>2019</v>
      </c>
      <c r="J49" s="2" t="s">
        <v>20</v>
      </c>
      <c r="K49" s="2"/>
      <c r="L49" s="2" t="s">
        <v>101</v>
      </c>
    </row>
    <row r="50" spans="1:12" ht="15.2" customHeight="1">
      <c r="A50" s="2" t="s">
        <v>162</v>
      </c>
      <c r="B50" s="2" t="s">
        <v>211</v>
      </c>
      <c r="C50" s="2" t="s">
        <v>103</v>
      </c>
      <c r="D50" s="2" t="s">
        <v>104</v>
      </c>
      <c r="E50" s="2" t="s">
        <v>98</v>
      </c>
      <c r="F50" s="2" t="s">
        <v>105</v>
      </c>
      <c r="G50" s="3">
        <v>5</v>
      </c>
      <c r="H50" s="2" t="s">
        <v>100</v>
      </c>
      <c r="I50" s="3">
        <v>2019</v>
      </c>
      <c r="J50" s="2" t="s">
        <v>20</v>
      </c>
      <c r="K50" s="2"/>
      <c r="L50" s="2" t="s">
        <v>106</v>
      </c>
    </row>
    <row r="51" spans="1:12" ht="15.2" customHeight="1">
      <c r="A51" s="2" t="s">
        <v>162</v>
      </c>
      <c r="B51" s="2" t="s">
        <v>132</v>
      </c>
      <c r="C51" s="2" t="s">
        <v>108</v>
      </c>
      <c r="D51" s="2" t="s">
        <v>109</v>
      </c>
      <c r="E51" s="2" t="s">
        <v>98</v>
      </c>
      <c r="F51" s="2" t="s">
        <v>110</v>
      </c>
      <c r="G51" s="3">
        <v>15</v>
      </c>
      <c r="H51" s="2" t="s">
        <v>100</v>
      </c>
      <c r="I51" s="3">
        <v>2018</v>
      </c>
      <c r="J51" s="2" t="s">
        <v>20</v>
      </c>
      <c r="K51" s="2"/>
      <c r="L51" s="2" t="s">
        <v>111</v>
      </c>
    </row>
    <row r="52" spans="1:12" ht="15.2" customHeight="1">
      <c r="A52" s="2" t="s">
        <v>162</v>
      </c>
      <c r="B52" s="2" t="s">
        <v>137</v>
      </c>
      <c r="C52" s="2" t="s">
        <v>70</v>
      </c>
      <c r="D52" s="2" t="s">
        <v>71</v>
      </c>
      <c r="E52" s="2" t="s">
        <v>72</v>
      </c>
      <c r="F52" s="2" t="s">
        <v>73</v>
      </c>
      <c r="G52" s="3">
        <v>3</v>
      </c>
      <c r="H52" s="2" t="s">
        <v>74</v>
      </c>
      <c r="I52" s="3">
        <v>2019</v>
      </c>
      <c r="J52" s="2" t="s">
        <v>75</v>
      </c>
      <c r="K52" s="2"/>
      <c r="L52" s="2" t="s">
        <v>76</v>
      </c>
    </row>
    <row r="53" spans="1:12" ht="15.2" customHeight="1">
      <c r="A53" s="2" t="s">
        <v>162</v>
      </c>
      <c r="B53" s="2" t="s">
        <v>144</v>
      </c>
      <c r="C53" s="2" t="s">
        <v>78</v>
      </c>
      <c r="D53" s="2" t="s">
        <v>79</v>
      </c>
      <c r="E53" s="2" t="s">
        <v>72</v>
      </c>
      <c r="F53" s="2" t="s">
        <v>80</v>
      </c>
      <c r="G53" s="3">
        <v>4</v>
      </c>
      <c r="H53" s="2" t="s">
        <v>74</v>
      </c>
      <c r="I53" s="3">
        <v>2019</v>
      </c>
      <c r="J53" s="2" t="s">
        <v>75</v>
      </c>
      <c r="K53" s="2"/>
      <c r="L53" s="2" t="s">
        <v>81</v>
      </c>
    </row>
    <row r="54" spans="1:12" ht="15.2" customHeight="1">
      <c r="A54" s="2" t="s">
        <v>162</v>
      </c>
      <c r="B54" s="2" t="s">
        <v>149</v>
      </c>
      <c r="C54" s="2" t="s">
        <v>83</v>
      </c>
      <c r="D54" s="2" t="s">
        <v>84</v>
      </c>
      <c r="E54" s="2" t="s">
        <v>85</v>
      </c>
      <c r="F54" s="2" t="s">
        <v>86</v>
      </c>
      <c r="G54" s="3">
        <v>2</v>
      </c>
      <c r="H54" s="2" t="s">
        <v>19</v>
      </c>
      <c r="I54" s="3">
        <v>2012</v>
      </c>
      <c r="J54" s="2" t="s">
        <v>20</v>
      </c>
      <c r="K54" s="2"/>
      <c r="L54" s="2" t="s">
        <v>87</v>
      </c>
    </row>
    <row r="55" spans="1:12" ht="15.2" customHeight="1">
      <c r="A55" s="2" t="s">
        <v>162</v>
      </c>
      <c r="B55" s="2" t="s">
        <v>154</v>
      </c>
      <c r="C55" s="2" t="s">
        <v>83</v>
      </c>
      <c r="D55" s="2" t="s">
        <v>84</v>
      </c>
      <c r="E55" s="2" t="s">
        <v>85</v>
      </c>
      <c r="F55" s="2" t="s">
        <v>86</v>
      </c>
      <c r="G55" s="3">
        <v>2</v>
      </c>
      <c r="H55" s="2" t="s">
        <v>19</v>
      </c>
      <c r="I55" s="3">
        <v>2012</v>
      </c>
      <c r="J55" s="2" t="s">
        <v>20</v>
      </c>
      <c r="K55" s="2"/>
      <c r="L55" s="2" t="s">
        <v>87</v>
      </c>
    </row>
    <row r="56" spans="1:12" ht="15.2" customHeight="1">
      <c r="A56" s="2" t="s">
        <v>162</v>
      </c>
      <c r="B56" s="2" t="s">
        <v>159</v>
      </c>
      <c r="C56" s="2"/>
      <c r="D56" s="2"/>
      <c r="E56" s="2" t="s">
        <v>129</v>
      </c>
      <c r="F56" s="2" t="s">
        <v>130</v>
      </c>
      <c r="G56" s="3">
        <v>18</v>
      </c>
      <c r="H56" s="2" t="s">
        <v>19</v>
      </c>
      <c r="I56" s="3">
        <v>2019</v>
      </c>
      <c r="J56" s="2" t="s">
        <v>20</v>
      </c>
      <c r="K56" s="2"/>
      <c r="L56" s="2" t="s">
        <v>131</v>
      </c>
    </row>
    <row r="57" spans="1:12" ht="15.2" customHeight="1">
      <c r="A57" s="2" t="s">
        <v>162</v>
      </c>
      <c r="B57" s="2" t="s">
        <v>161</v>
      </c>
      <c r="C57" s="2" t="s">
        <v>202</v>
      </c>
      <c r="D57" s="2" t="s">
        <v>203</v>
      </c>
      <c r="E57" s="2" t="s">
        <v>165</v>
      </c>
      <c r="F57" s="2" t="s">
        <v>204</v>
      </c>
      <c r="G57" s="3">
        <v>7</v>
      </c>
      <c r="H57" s="2" t="s">
        <v>205</v>
      </c>
      <c r="I57" s="3">
        <v>2015</v>
      </c>
      <c r="J57" s="2" t="s">
        <v>20</v>
      </c>
      <c r="K57" s="2"/>
      <c r="L57" s="2" t="s">
        <v>206</v>
      </c>
    </row>
    <row r="58" spans="1:12" ht="15.2" customHeight="1">
      <c r="A58" s="2" t="s">
        <v>212</v>
      </c>
      <c r="B58" s="2" t="s">
        <v>14</v>
      </c>
      <c r="C58" s="2" t="s">
        <v>213</v>
      </c>
      <c r="D58" s="2" t="s">
        <v>214</v>
      </c>
      <c r="E58" s="2" t="s">
        <v>215</v>
      </c>
      <c r="F58" s="2" t="s">
        <v>216</v>
      </c>
      <c r="G58" s="3">
        <v>2</v>
      </c>
      <c r="H58" s="2" t="s">
        <v>33</v>
      </c>
      <c r="I58" s="3">
        <v>2018</v>
      </c>
      <c r="J58" s="2" t="s">
        <v>20</v>
      </c>
      <c r="K58" s="2"/>
      <c r="L58" s="2" t="s">
        <v>217</v>
      </c>
    </row>
    <row r="59" spans="1:12" ht="15.2" customHeight="1">
      <c r="A59" s="2" t="s">
        <v>212</v>
      </c>
      <c r="B59" s="2" t="s">
        <v>22</v>
      </c>
      <c r="C59" s="2" t="s">
        <v>218</v>
      </c>
      <c r="D59" s="2" t="s">
        <v>219</v>
      </c>
      <c r="E59" s="2" t="s">
        <v>215</v>
      </c>
      <c r="F59" s="2" t="s">
        <v>220</v>
      </c>
      <c r="G59" s="3">
        <v>1</v>
      </c>
      <c r="H59" s="2" t="s">
        <v>33</v>
      </c>
      <c r="I59" s="3">
        <v>2018</v>
      </c>
      <c r="J59" s="2" t="s">
        <v>20</v>
      </c>
      <c r="K59" s="2"/>
      <c r="L59" s="2" t="s">
        <v>221</v>
      </c>
    </row>
    <row r="60" spans="1:12" ht="15.2" customHeight="1">
      <c r="A60" s="2" t="s">
        <v>212</v>
      </c>
      <c r="B60" s="2" t="s">
        <v>28</v>
      </c>
      <c r="C60" s="2" t="s">
        <v>222</v>
      </c>
      <c r="D60" s="2" t="s">
        <v>223</v>
      </c>
      <c r="E60" s="2" t="s">
        <v>224</v>
      </c>
      <c r="F60" s="2" t="s">
        <v>225</v>
      </c>
      <c r="G60" s="3">
        <v>1</v>
      </c>
      <c r="H60" s="2" t="s">
        <v>33</v>
      </c>
      <c r="I60" s="3">
        <v>2013</v>
      </c>
      <c r="J60" s="2" t="s">
        <v>20</v>
      </c>
      <c r="K60" s="2"/>
      <c r="L60" s="2" t="s">
        <v>226</v>
      </c>
    </row>
    <row r="61" spans="1:12" ht="15.2" customHeight="1">
      <c r="A61" s="2" t="s">
        <v>212</v>
      </c>
      <c r="B61" s="2" t="s">
        <v>35</v>
      </c>
      <c r="C61" s="2"/>
      <c r="D61" s="2"/>
      <c r="E61" s="2" t="s">
        <v>129</v>
      </c>
      <c r="F61" s="2" t="s">
        <v>130</v>
      </c>
      <c r="G61" s="3">
        <v>18</v>
      </c>
      <c r="H61" s="2" t="s">
        <v>19</v>
      </c>
      <c r="I61" s="3">
        <v>2019</v>
      </c>
      <c r="J61" s="2" t="s">
        <v>20</v>
      </c>
      <c r="K61" s="2"/>
      <c r="L61" s="2" t="s">
        <v>131</v>
      </c>
    </row>
    <row r="62" spans="1:12" ht="15.2" customHeight="1">
      <c r="A62" s="2" t="s">
        <v>212</v>
      </c>
      <c r="B62" s="2" t="s">
        <v>227</v>
      </c>
      <c r="C62" s="2" t="s">
        <v>133</v>
      </c>
      <c r="D62" s="2" t="s">
        <v>134</v>
      </c>
      <c r="E62" s="2" t="s">
        <v>129</v>
      </c>
      <c r="F62" s="2" t="s">
        <v>135</v>
      </c>
      <c r="G62" s="3">
        <v>1</v>
      </c>
      <c r="H62" s="2" t="s">
        <v>33</v>
      </c>
      <c r="I62" s="3">
        <v>2018</v>
      </c>
      <c r="J62" s="2" t="s">
        <v>20</v>
      </c>
      <c r="K62" s="2"/>
      <c r="L62" s="2" t="s">
        <v>136</v>
      </c>
    </row>
    <row r="63" spans="1:12" ht="15.2" customHeight="1">
      <c r="A63" s="2" t="s">
        <v>212</v>
      </c>
      <c r="B63" s="2" t="s">
        <v>228</v>
      </c>
      <c r="C63" s="2" t="s">
        <v>229</v>
      </c>
      <c r="D63" s="2" t="s">
        <v>230</v>
      </c>
      <c r="E63" s="2" t="s">
        <v>231</v>
      </c>
      <c r="F63" s="2" t="s">
        <v>232</v>
      </c>
      <c r="G63" s="3">
        <v>6</v>
      </c>
      <c r="H63" s="2" t="s">
        <v>33</v>
      </c>
      <c r="I63" s="3">
        <v>2020</v>
      </c>
      <c r="J63" s="2" t="s">
        <v>20</v>
      </c>
      <c r="K63" s="2"/>
      <c r="L63" s="2" t="s">
        <v>233</v>
      </c>
    </row>
    <row r="64" spans="1:12" ht="15.2" customHeight="1">
      <c r="A64" s="2" t="s">
        <v>212</v>
      </c>
      <c r="B64" s="2" t="s">
        <v>234</v>
      </c>
      <c r="C64" s="2" t="s">
        <v>235</v>
      </c>
      <c r="D64" s="2" t="s">
        <v>236</v>
      </c>
      <c r="E64" s="2" t="s">
        <v>231</v>
      </c>
      <c r="F64" s="2" t="s">
        <v>237</v>
      </c>
      <c r="G64" s="3">
        <v>5</v>
      </c>
      <c r="H64" s="2" t="s">
        <v>33</v>
      </c>
      <c r="I64" s="3">
        <v>2020</v>
      </c>
      <c r="J64" s="2" t="s">
        <v>20</v>
      </c>
      <c r="K64" s="2"/>
      <c r="L64" s="2" t="s">
        <v>238</v>
      </c>
    </row>
    <row r="65" spans="1:12" ht="15.2" customHeight="1">
      <c r="A65" s="2" t="s">
        <v>212</v>
      </c>
      <c r="B65" s="2" t="s">
        <v>239</v>
      </c>
      <c r="C65" s="2" t="s">
        <v>240</v>
      </c>
      <c r="D65" s="2" t="s">
        <v>241</v>
      </c>
      <c r="E65" s="2" t="s">
        <v>242</v>
      </c>
      <c r="F65" s="2" t="s">
        <v>243</v>
      </c>
      <c r="G65" s="3">
        <v>1</v>
      </c>
      <c r="H65" s="2" t="s">
        <v>33</v>
      </c>
      <c r="I65" s="3">
        <v>2019</v>
      </c>
      <c r="J65" s="2" t="s">
        <v>20</v>
      </c>
      <c r="K65" s="2"/>
      <c r="L65" s="2" t="s">
        <v>244</v>
      </c>
    </row>
    <row r="66" spans="1:12" ht="15.2" customHeight="1">
      <c r="A66" s="2" t="s">
        <v>212</v>
      </c>
      <c r="B66" s="2" t="s">
        <v>245</v>
      </c>
      <c r="C66" s="2" t="s">
        <v>246</v>
      </c>
      <c r="D66" s="2" t="s">
        <v>247</v>
      </c>
      <c r="E66" s="2" t="s">
        <v>242</v>
      </c>
      <c r="F66" s="2" t="s">
        <v>248</v>
      </c>
      <c r="G66" s="3">
        <v>2</v>
      </c>
      <c r="H66" s="2" t="s">
        <v>33</v>
      </c>
      <c r="I66" s="3">
        <v>2019</v>
      </c>
      <c r="J66" s="2" t="s">
        <v>20</v>
      </c>
      <c r="K66" s="2"/>
      <c r="L66" s="2" t="s">
        <v>249</v>
      </c>
    </row>
    <row r="67" spans="1:12" ht="15.2" customHeight="1">
      <c r="A67" s="2" t="s">
        <v>212</v>
      </c>
      <c r="B67" s="2" t="s">
        <v>250</v>
      </c>
      <c r="C67" s="2" t="s">
        <v>251</v>
      </c>
      <c r="D67" s="2" t="s">
        <v>252</v>
      </c>
      <c r="E67" s="2" t="s">
        <v>242</v>
      </c>
      <c r="F67" s="2" t="s">
        <v>253</v>
      </c>
      <c r="G67" s="3">
        <v>3</v>
      </c>
      <c r="H67" s="2" t="s">
        <v>33</v>
      </c>
      <c r="I67" s="3">
        <v>2019</v>
      </c>
      <c r="J67" s="2" t="s">
        <v>20</v>
      </c>
      <c r="K67" s="2"/>
      <c r="L67" s="2" t="s">
        <v>254</v>
      </c>
    </row>
    <row r="68" spans="1:12" ht="15.2" customHeight="1">
      <c r="A68" s="2" t="s">
        <v>212</v>
      </c>
      <c r="B68" s="2" t="s">
        <v>255</v>
      </c>
      <c r="C68" s="2" t="s">
        <v>256</v>
      </c>
      <c r="D68" s="2" t="s">
        <v>257</v>
      </c>
      <c r="E68" s="2" t="s">
        <v>242</v>
      </c>
      <c r="F68" s="2" t="s">
        <v>258</v>
      </c>
      <c r="G68" s="3">
        <v>4</v>
      </c>
      <c r="H68" s="2" t="s">
        <v>33</v>
      </c>
      <c r="I68" s="3">
        <v>2019</v>
      </c>
      <c r="J68" s="2" t="s">
        <v>20</v>
      </c>
      <c r="K68" s="2"/>
      <c r="L68" s="2" t="s">
        <v>259</v>
      </c>
    </row>
    <row r="69" spans="1:12" ht="15.2" customHeight="1">
      <c r="A69" s="2" t="s">
        <v>212</v>
      </c>
      <c r="B69" s="2" t="s">
        <v>260</v>
      </c>
      <c r="C69" s="2" t="s">
        <v>261</v>
      </c>
      <c r="D69" s="2" t="s">
        <v>262</v>
      </c>
      <c r="E69" s="2" t="s">
        <v>242</v>
      </c>
      <c r="F69" s="2" t="s">
        <v>263</v>
      </c>
      <c r="G69" s="3">
        <v>5</v>
      </c>
      <c r="H69" s="2" t="s">
        <v>33</v>
      </c>
      <c r="I69" s="3">
        <v>2019</v>
      </c>
      <c r="J69" s="2" t="s">
        <v>20</v>
      </c>
      <c r="K69" s="2"/>
      <c r="L69" s="2" t="s">
        <v>264</v>
      </c>
    </row>
    <row r="70" spans="1:12" ht="15.2" customHeight="1">
      <c r="A70" s="2" t="s">
        <v>212</v>
      </c>
      <c r="B70" s="2" t="s">
        <v>265</v>
      </c>
      <c r="C70" s="2" t="s">
        <v>266</v>
      </c>
      <c r="D70" s="2" t="s">
        <v>267</v>
      </c>
      <c r="E70" s="2" t="s">
        <v>224</v>
      </c>
      <c r="F70" s="2" t="s">
        <v>268</v>
      </c>
      <c r="G70" s="3">
        <v>2</v>
      </c>
      <c r="H70" s="2" t="s">
        <v>33</v>
      </c>
      <c r="I70" s="3">
        <v>2013</v>
      </c>
      <c r="J70" s="2" t="s">
        <v>20</v>
      </c>
      <c r="K70" s="2"/>
      <c r="L70" s="2" t="s">
        <v>269</v>
      </c>
    </row>
    <row r="71" spans="1:12" ht="15.2" customHeight="1">
      <c r="A71" s="2" t="s">
        <v>212</v>
      </c>
      <c r="B71" s="2" t="s">
        <v>270</v>
      </c>
      <c r="C71" s="2" t="s">
        <v>222</v>
      </c>
      <c r="D71" s="2" t="s">
        <v>223</v>
      </c>
      <c r="E71" s="2" t="s">
        <v>224</v>
      </c>
      <c r="F71" s="2" t="s">
        <v>225</v>
      </c>
      <c r="G71" s="3">
        <v>1</v>
      </c>
      <c r="H71" s="2" t="s">
        <v>33</v>
      </c>
      <c r="I71" s="3">
        <v>2013</v>
      </c>
      <c r="J71" s="2" t="s">
        <v>20</v>
      </c>
      <c r="K71" s="2"/>
      <c r="L71" s="2" t="s">
        <v>226</v>
      </c>
    </row>
    <row r="72" spans="1:12" ht="15.2" customHeight="1">
      <c r="A72" s="2" t="s">
        <v>212</v>
      </c>
      <c r="B72" s="2" t="s">
        <v>271</v>
      </c>
      <c r="C72" s="2" t="s">
        <v>229</v>
      </c>
      <c r="D72" s="2" t="s">
        <v>230</v>
      </c>
      <c r="E72" s="2" t="s">
        <v>231</v>
      </c>
      <c r="F72" s="2" t="s">
        <v>232</v>
      </c>
      <c r="G72" s="3">
        <v>6</v>
      </c>
      <c r="H72" s="2" t="s">
        <v>33</v>
      </c>
      <c r="I72" s="3">
        <v>2020</v>
      </c>
      <c r="J72" s="2" t="s">
        <v>20</v>
      </c>
      <c r="K72" s="2"/>
      <c r="L72" s="2" t="s">
        <v>233</v>
      </c>
    </row>
    <row r="73" spans="1:12" ht="15.2" customHeight="1">
      <c r="A73" s="2" t="s">
        <v>212</v>
      </c>
      <c r="B73" s="2" t="s">
        <v>112</v>
      </c>
      <c r="C73" s="2" t="s">
        <v>235</v>
      </c>
      <c r="D73" s="2" t="s">
        <v>236</v>
      </c>
      <c r="E73" s="2" t="s">
        <v>231</v>
      </c>
      <c r="F73" s="2" t="s">
        <v>237</v>
      </c>
      <c r="G73" s="3">
        <v>5</v>
      </c>
      <c r="H73" s="2" t="s">
        <v>33</v>
      </c>
      <c r="I73" s="3">
        <v>2020</v>
      </c>
      <c r="J73" s="2" t="s">
        <v>20</v>
      </c>
      <c r="K73" s="2"/>
      <c r="L73" s="2" t="s">
        <v>238</v>
      </c>
    </row>
    <row r="74" spans="1:12" ht="15.2" customHeight="1">
      <c r="A74" s="2" t="s">
        <v>212</v>
      </c>
      <c r="B74" s="2" t="s">
        <v>117</v>
      </c>
      <c r="C74" s="2" t="s">
        <v>272</v>
      </c>
      <c r="D74" s="2" t="s">
        <v>273</v>
      </c>
      <c r="E74" s="2" t="s">
        <v>129</v>
      </c>
      <c r="F74" s="2" t="s">
        <v>274</v>
      </c>
      <c r="G74" s="3">
        <v>13</v>
      </c>
      <c r="H74" s="2" t="s">
        <v>19</v>
      </c>
      <c r="I74" s="3">
        <v>2019</v>
      </c>
      <c r="J74" s="2" t="s">
        <v>20</v>
      </c>
      <c r="K74" s="2"/>
      <c r="L74" s="2" t="s">
        <v>131</v>
      </c>
    </row>
    <row r="75" spans="1:12" ht="15.2" customHeight="1">
      <c r="A75" s="2" t="s">
        <v>212</v>
      </c>
      <c r="B75" s="2" t="s">
        <v>123</v>
      </c>
      <c r="C75" s="2" t="s">
        <v>275</v>
      </c>
      <c r="D75" s="2"/>
      <c r="E75" s="2" t="s">
        <v>129</v>
      </c>
      <c r="F75" s="2" t="s">
        <v>276</v>
      </c>
      <c r="G75" s="3">
        <v>14</v>
      </c>
      <c r="H75" s="2" t="s">
        <v>19</v>
      </c>
      <c r="I75" s="3">
        <v>2019</v>
      </c>
      <c r="J75" s="2" t="s">
        <v>20</v>
      </c>
      <c r="K75" s="2"/>
      <c r="L75" s="2" t="s">
        <v>131</v>
      </c>
    </row>
    <row r="76" spans="1:12" ht="15.2" customHeight="1">
      <c r="A76" s="2" t="s">
        <v>212</v>
      </c>
      <c r="B76" s="2" t="s">
        <v>128</v>
      </c>
      <c r="C76" s="2" t="s">
        <v>277</v>
      </c>
      <c r="D76" s="2" t="s">
        <v>278</v>
      </c>
      <c r="E76" s="2" t="s">
        <v>129</v>
      </c>
      <c r="F76" s="2" t="s">
        <v>279</v>
      </c>
      <c r="G76" s="3">
        <v>3</v>
      </c>
      <c r="H76" s="2" t="s">
        <v>100</v>
      </c>
      <c r="I76" s="3">
        <v>2018</v>
      </c>
      <c r="J76" s="2" t="s">
        <v>20</v>
      </c>
      <c r="K76" s="2"/>
      <c r="L76" s="2" t="s">
        <v>280</v>
      </c>
    </row>
    <row r="77" spans="1:12" ht="15.2" customHeight="1">
      <c r="A77" s="2" t="s">
        <v>212</v>
      </c>
      <c r="B77" s="2" t="s">
        <v>211</v>
      </c>
      <c r="C77" s="2" t="s">
        <v>281</v>
      </c>
      <c r="D77" s="2" t="s">
        <v>282</v>
      </c>
      <c r="E77" s="2" t="s">
        <v>129</v>
      </c>
      <c r="F77" s="2" t="s">
        <v>283</v>
      </c>
      <c r="G77" s="3">
        <v>4</v>
      </c>
      <c r="H77" s="2" t="s">
        <v>100</v>
      </c>
      <c r="I77" s="3">
        <v>2018</v>
      </c>
      <c r="J77" s="2" t="s">
        <v>20</v>
      </c>
      <c r="K77" s="2"/>
      <c r="L77" s="2" t="s">
        <v>284</v>
      </c>
    </row>
    <row r="78" spans="1:12" ht="15.2" customHeight="1">
      <c r="A78" s="2" t="s">
        <v>212</v>
      </c>
      <c r="B78" s="2" t="s">
        <v>132</v>
      </c>
      <c r="C78" s="2" t="s">
        <v>285</v>
      </c>
      <c r="D78" s="2" t="s">
        <v>286</v>
      </c>
      <c r="E78" s="2" t="s">
        <v>287</v>
      </c>
      <c r="F78" s="2" t="s">
        <v>288</v>
      </c>
      <c r="G78" s="3">
        <v>1</v>
      </c>
      <c r="H78" s="2" t="s">
        <v>74</v>
      </c>
      <c r="I78" s="3">
        <v>2011</v>
      </c>
      <c r="J78" s="2" t="s">
        <v>20</v>
      </c>
      <c r="K78" s="2"/>
      <c r="L78" s="2" t="s">
        <v>289</v>
      </c>
    </row>
    <row r="79" spans="1:12" ht="15.2" customHeight="1">
      <c r="A79" s="2" t="s">
        <v>212</v>
      </c>
      <c r="B79" s="2" t="s">
        <v>137</v>
      </c>
      <c r="C79" s="2" t="s">
        <v>290</v>
      </c>
      <c r="D79" s="2" t="s">
        <v>291</v>
      </c>
      <c r="E79" s="2" t="s">
        <v>292</v>
      </c>
      <c r="F79" s="2" t="s">
        <v>293</v>
      </c>
      <c r="G79" s="3">
        <v>4</v>
      </c>
      <c r="H79" s="2" t="s">
        <v>294</v>
      </c>
      <c r="I79" s="3">
        <v>2009</v>
      </c>
      <c r="J79" s="2" t="s">
        <v>20</v>
      </c>
      <c r="K79" s="2"/>
      <c r="L79" s="2" t="s">
        <v>295</v>
      </c>
    </row>
    <row r="80" spans="1:12" ht="15.2" customHeight="1">
      <c r="A80" s="2" t="s">
        <v>212</v>
      </c>
      <c r="B80" s="2" t="s">
        <v>144</v>
      </c>
      <c r="C80" s="2" t="s">
        <v>296</v>
      </c>
      <c r="D80" s="2" t="s">
        <v>297</v>
      </c>
      <c r="E80" s="2" t="s">
        <v>298</v>
      </c>
      <c r="F80" s="2" t="s">
        <v>299</v>
      </c>
      <c r="G80" s="3">
        <v>3</v>
      </c>
      <c r="H80" s="2" t="s">
        <v>74</v>
      </c>
      <c r="I80" s="3">
        <v>2013</v>
      </c>
      <c r="J80" s="2" t="s">
        <v>20</v>
      </c>
      <c r="K80" s="2"/>
      <c r="L80" s="2" t="s">
        <v>300</v>
      </c>
    </row>
    <row r="81" spans="1:12" ht="15.2" customHeight="1">
      <c r="A81" s="2" t="s">
        <v>212</v>
      </c>
      <c r="B81" s="2" t="s">
        <v>149</v>
      </c>
      <c r="C81" s="2" t="s">
        <v>213</v>
      </c>
      <c r="D81" s="2" t="s">
        <v>214</v>
      </c>
      <c r="E81" s="2" t="s">
        <v>215</v>
      </c>
      <c r="F81" s="2" t="s">
        <v>216</v>
      </c>
      <c r="G81" s="3">
        <v>2</v>
      </c>
      <c r="H81" s="2" t="s">
        <v>33</v>
      </c>
      <c r="I81" s="3">
        <v>2018</v>
      </c>
      <c r="J81" s="2" t="s">
        <v>20</v>
      </c>
      <c r="K81" s="2"/>
      <c r="L81" s="2" t="s">
        <v>217</v>
      </c>
    </row>
    <row r="82" spans="1:12" ht="15.2" customHeight="1">
      <c r="A82" s="2" t="s">
        <v>212</v>
      </c>
      <c r="B82" s="2" t="s">
        <v>154</v>
      </c>
      <c r="C82" s="2" t="s">
        <v>218</v>
      </c>
      <c r="D82" s="2" t="s">
        <v>219</v>
      </c>
      <c r="E82" s="2" t="s">
        <v>215</v>
      </c>
      <c r="F82" s="2" t="s">
        <v>220</v>
      </c>
      <c r="G82" s="3">
        <v>1</v>
      </c>
      <c r="H82" s="2" t="s">
        <v>33</v>
      </c>
      <c r="I82" s="3">
        <v>2018</v>
      </c>
      <c r="J82" s="2" t="s">
        <v>20</v>
      </c>
      <c r="K82" s="2"/>
      <c r="L82" s="2" t="s">
        <v>221</v>
      </c>
    </row>
    <row r="83" spans="1:12" ht="15.2" customHeight="1">
      <c r="A83" s="2" t="s">
        <v>212</v>
      </c>
      <c r="B83" s="2" t="s">
        <v>159</v>
      </c>
      <c r="C83" s="2" t="s">
        <v>266</v>
      </c>
      <c r="D83" s="2" t="s">
        <v>267</v>
      </c>
      <c r="E83" s="2" t="s">
        <v>224</v>
      </c>
      <c r="F83" s="2" t="s">
        <v>268</v>
      </c>
      <c r="G83" s="3">
        <v>2</v>
      </c>
      <c r="H83" s="2" t="s">
        <v>33</v>
      </c>
      <c r="I83" s="3">
        <v>2013</v>
      </c>
      <c r="J83" s="2" t="s">
        <v>20</v>
      </c>
      <c r="K83" s="2"/>
      <c r="L83" s="2" t="s">
        <v>269</v>
      </c>
    </row>
    <row r="84" spans="1:12" ht="15.2" customHeight="1">
      <c r="A84" s="2" t="s">
        <v>212</v>
      </c>
      <c r="B84" s="2" t="s">
        <v>160</v>
      </c>
      <c r="C84" s="2" t="s">
        <v>222</v>
      </c>
      <c r="D84" s="2" t="s">
        <v>223</v>
      </c>
      <c r="E84" s="2" t="s">
        <v>224</v>
      </c>
      <c r="F84" s="2" t="s">
        <v>225</v>
      </c>
      <c r="G84" s="3">
        <v>1</v>
      </c>
      <c r="H84" s="2" t="s">
        <v>33</v>
      </c>
      <c r="I84" s="3">
        <v>2013</v>
      </c>
      <c r="J84" s="2" t="s">
        <v>20</v>
      </c>
      <c r="K84" s="2"/>
      <c r="L84" s="2" t="s">
        <v>226</v>
      </c>
    </row>
    <row r="85" spans="1:12" ht="15.2" customHeight="1">
      <c r="A85" s="2" t="s">
        <v>212</v>
      </c>
      <c r="B85" s="2" t="s">
        <v>161</v>
      </c>
      <c r="C85" s="2" t="s">
        <v>272</v>
      </c>
      <c r="D85" s="2" t="s">
        <v>273</v>
      </c>
      <c r="E85" s="2" t="s">
        <v>129</v>
      </c>
      <c r="F85" s="2" t="s">
        <v>274</v>
      </c>
      <c r="G85" s="3">
        <v>13</v>
      </c>
      <c r="H85" s="2" t="s">
        <v>19</v>
      </c>
      <c r="I85" s="3">
        <v>2019</v>
      </c>
      <c r="J85" s="2" t="s">
        <v>20</v>
      </c>
      <c r="K85" s="2"/>
      <c r="L85" s="2" t="s">
        <v>131</v>
      </c>
    </row>
    <row r="86" spans="1:12" ht="15.2" customHeight="1">
      <c r="A86" s="2" t="s">
        <v>301</v>
      </c>
      <c r="B86" s="2" t="s">
        <v>14</v>
      </c>
      <c r="C86" s="2" t="s">
        <v>302</v>
      </c>
      <c r="D86" s="2" t="s">
        <v>303</v>
      </c>
      <c r="E86" s="2" t="s">
        <v>215</v>
      </c>
      <c r="F86" s="2" t="s">
        <v>304</v>
      </c>
      <c r="G86" s="3">
        <v>3</v>
      </c>
      <c r="H86" s="2" t="s">
        <v>33</v>
      </c>
      <c r="I86" s="3">
        <v>2018</v>
      </c>
      <c r="J86" s="2" t="s">
        <v>20</v>
      </c>
      <c r="K86" s="2"/>
      <c r="L86" s="2" t="s">
        <v>305</v>
      </c>
    </row>
    <row r="87" spans="1:12" ht="15.2" customHeight="1">
      <c r="A87" s="2" t="s">
        <v>301</v>
      </c>
      <c r="B87" s="2" t="s">
        <v>22</v>
      </c>
      <c r="C87" s="2" t="s">
        <v>213</v>
      </c>
      <c r="D87" s="2" t="s">
        <v>214</v>
      </c>
      <c r="E87" s="2" t="s">
        <v>215</v>
      </c>
      <c r="F87" s="2" t="s">
        <v>216</v>
      </c>
      <c r="G87" s="3">
        <v>2</v>
      </c>
      <c r="H87" s="2" t="s">
        <v>33</v>
      </c>
      <c r="I87" s="3">
        <v>2018</v>
      </c>
      <c r="J87" s="2" t="s">
        <v>20</v>
      </c>
      <c r="K87" s="2"/>
      <c r="L87" s="2" t="s">
        <v>217</v>
      </c>
    </row>
    <row r="88" spans="1:12" ht="15.2" customHeight="1">
      <c r="A88" s="2" t="s">
        <v>301</v>
      </c>
      <c r="B88" s="2" t="s">
        <v>28</v>
      </c>
      <c r="C88" s="2" t="s">
        <v>266</v>
      </c>
      <c r="D88" s="2" t="s">
        <v>267</v>
      </c>
      <c r="E88" s="2" t="s">
        <v>224</v>
      </c>
      <c r="F88" s="2" t="s">
        <v>268</v>
      </c>
      <c r="G88" s="3">
        <v>2</v>
      </c>
      <c r="H88" s="2" t="s">
        <v>33</v>
      </c>
      <c r="I88" s="3">
        <v>2013</v>
      </c>
      <c r="J88" s="2" t="s">
        <v>20</v>
      </c>
      <c r="K88" s="2"/>
      <c r="L88" s="2" t="s">
        <v>269</v>
      </c>
    </row>
    <row r="89" spans="1:12" ht="15.2" customHeight="1">
      <c r="A89" s="2" t="s">
        <v>301</v>
      </c>
      <c r="B89" s="2" t="s">
        <v>35</v>
      </c>
      <c r="C89" s="2" t="s">
        <v>29</v>
      </c>
      <c r="D89" s="2" t="s">
        <v>30</v>
      </c>
      <c r="E89" s="2" t="s">
        <v>31</v>
      </c>
      <c r="F89" s="2" t="s">
        <v>32</v>
      </c>
      <c r="G89" s="3">
        <v>5</v>
      </c>
      <c r="H89" s="2" t="s">
        <v>33</v>
      </c>
      <c r="I89" s="3">
        <v>2019</v>
      </c>
      <c r="J89" s="2" t="s">
        <v>20</v>
      </c>
      <c r="K89" s="2"/>
      <c r="L89" s="2" t="s">
        <v>34</v>
      </c>
    </row>
    <row r="90" spans="1:12" ht="15.2" customHeight="1">
      <c r="A90" s="2" t="s">
        <v>301</v>
      </c>
      <c r="B90" s="2" t="s">
        <v>306</v>
      </c>
      <c r="C90" s="2" t="s">
        <v>36</v>
      </c>
      <c r="D90" s="2" t="s">
        <v>37</v>
      </c>
      <c r="E90" s="2" t="s">
        <v>31</v>
      </c>
      <c r="F90" s="2" t="s">
        <v>38</v>
      </c>
      <c r="G90" s="3">
        <v>6</v>
      </c>
      <c r="H90" s="2" t="s">
        <v>33</v>
      </c>
      <c r="I90" s="3">
        <v>2019</v>
      </c>
      <c r="J90" s="2" t="s">
        <v>20</v>
      </c>
      <c r="K90" s="2"/>
      <c r="L90" s="2" t="s">
        <v>39</v>
      </c>
    </row>
    <row r="91" spans="1:12" ht="15.2" customHeight="1">
      <c r="A91" s="2" t="s">
        <v>301</v>
      </c>
      <c r="B91" s="2" t="s">
        <v>227</v>
      </c>
      <c r="C91" s="2" t="s">
        <v>41</v>
      </c>
      <c r="D91" s="2" t="s">
        <v>42</v>
      </c>
      <c r="E91" s="2" t="s">
        <v>43</v>
      </c>
      <c r="F91" s="2" t="s">
        <v>44</v>
      </c>
      <c r="G91" s="3">
        <v>1</v>
      </c>
      <c r="H91" s="2" t="s">
        <v>33</v>
      </c>
      <c r="I91" s="3">
        <v>2017</v>
      </c>
      <c r="J91" s="2" t="s">
        <v>20</v>
      </c>
      <c r="K91" s="2"/>
      <c r="L91" s="2" t="s">
        <v>45</v>
      </c>
    </row>
    <row r="92" spans="1:12" ht="15.2" customHeight="1">
      <c r="A92" s="2" t="s">
        <v>301</v>
      </c>
      <c r="B92" s="2" t="s">
        <v>228</v>
      </c>
      <c r="C92" s="2" t="s">
        <v>307</v>
      </c>
      <c r="D92" s="2" t="s">
        <v>308</v>
      </c>
      <c r="E92" s="2" t="s">
        <v>231</v>
      </c>
      <c r="F92" s="2" t="s">
        <v>309</v>
      </c>
      <c r="G92" s="3">
        <v>7</v>
      </c>
      <c r="H92" s="2" t="s">
        <v>19</v>
      </c>
      <c r="I92" s="3">
        <v>2020</v>
      </c>
      <c r="J92" s="2" t="s">
        <v>20</v>
      </c>
      <c r="K92" s="2"/>
      <c r="L92" s="2" t="s">
        <v>310</v>
      </c>
    </row>
    <row r="93" spans="1:12" ht="15.2" customHeight="1">
      <c r="A93" s="2" t="s">
        <v>301</v>
      </c>
      <c r="B93" s="2" t="s">
        <v>234</v>
      </c>
      <c r="C93" s="2" t="s">
        <v>229</v>
      </c>
      <c r="D93" s="2" t="s">
        <v>230</v>
      </c>
      <c r="E93" s="2" t="s">
        <v>231</v>
      </c>
      <c r="F93" s="2" t="s">
        <v>232</v>
      </c>
      <c r="G93" s="3">
        <v>6</v>
      </c>
      <c r="H93" s="2" t="s">
        <v>33</v>
      </c>
      <c r="I93" s="3">
        <v>2020</v>
      </c>
      <c r="J93" s="2" t="s">
        <v>20</v>
      </c>
      <c r="K93" s="2"/>
      <c r="L93" s="2" t="s">
        <v>233</v>
      </c>
    </row>
    <row r="94" spans="1:12" ht="15.2" customHeight="1">
      <c r="A94" s="2" t="s">
        <v>301</v>
      </c>
      <c r="B94" s="2" t="s">
        <v>239</v>
      </c>
      <c r="C94" s="2" t="s">
        <v>311</v>
      </c>
      <c r="D94" s="2" t="s">
        <v>312</v>
      </c>
      <c r="E94" s="2" t="s">
        <v>313</v>
      </c>
      <c r="F94" s="2" t="s">
        <v>314</v>
      </c>
      <c r="G94" s="3">
        <v>1</v>
      </c>
      <c r="H94" s="2" t="s">
        <v>19</v>
      </c>
      <c r="I94" s="3">
        <v>2019</v>
      </c>
      <c r="J94" s="2" t="s">
        <v>20</v>
      </c>
      <c r="K94" s="2"/>
      <c r="L94" s="2" t="s">
        <v>315</v>
      </c>
    </row>
    <row r="95" spans="1:12" ht="15.2" customHeight="1">
      <c r="A95" s="2" t="s">
        <v>301</v>
      </c>
      <c r="B95" s="2" t="s">
        <v>245</v>
      </c>
      <c r="C95" s="2" t="s">
        <v>316</v>
      </c>
      <c r="D95" s="2" t="s">
        <v>317</v>
      </c>
      <c r="E95" s="2" t="s">
        <v>318</v>
      </c>
      <c r="F95" s="2" t="s">
        <v>319</v>
      </c>
      <c r="G95" s="3">
        <v>1</v>
      </c>
      <c r="H95" s="2" t="s">
        <v>320</v>
      </c>
      <c r="I95" s="3">
        <v>2007</v>
      </c>
      <c r="J95" s="2" t="s">
        <v>187</v>
      </c>
      <c r="K95" s="2"/>
      <c r="L95" s="2" t="s">
        <v>321</v>
      </c>
    </row>
    <row r="96" spans="1:12" ht="15.2" customHeight="1">
      <c r="A96" s="2" t="s">
        <v>301</v>
      </c>
      <c r="B96" s="2" t="s">
        <v>250</v>
      </c>
      <c r="C96" s="2" t="s">
        <v>322</v>
      </c>
      <c r="D96" s="2" t="s">
        <v>323</v>
      </c>
      <c r="E96" s="2" t="s">
        <v>324</v>
      </c>
      <c r="F96" s="2" t="s">
        <v>325</v>
      </c>
      <c r="G96" s="3">
        <v>1</v>
      </c>
      <c r="H96" s="2" t="s">
        <v>19</v>
      </c>
      <c r="I96" s="3">
        <v>2011</v>
      </c>
      <c r="J96" s="2" t="s">
        <v>20</v>
      </c>
      <c r="K96" s="2"/>
      <c r="L96" s="2" t="s">
        <v>326</v>
      </c>
    </row>
    <row r="97" spans="1:12" ht="15.2" customHeight="1">
      <c r="A97" s="2" t="s">
        <v>301</v>
      </c>
      <c r="B97" s="2" t="s">
        <v>255</v>
      </c>
      <c r="C97" s="2" t="s">
        <v>327</v>
      </c>
      <c r="D97" s="2" t="s">
        <v>328</v>
      </c>
      <c r="E97" s="2" t="s">
        <v>324</v>
      </c>
      <c r="F97" s="2" t="s">
        <v>329</v>
      </c>
      <c r="G97" s="3">
        <v>2</v>
      </c>
      <c r="H97" s="2" t="s">
        <v>19</v>
      </c>
      <c r="I97" s="3">
        <v>2011</v>
      </c>
      <c r="J97" s="2" t="s">
        <v>20</v>
      </c>
      <c r="K97" s="2"/>
      <c r="L97" s="2" t="s">
        <v>330</v>
      </c>
    </row>
    <row r="98" spans="1:12" ht="15.2" customHeight="1">
      <c r="A98" s="2" t="s">
        <v>301</v>
      </c>
      <c r="B98" s="2" t="s">
        <v>260</v>
      </c>
      <c r="C98" s="2" t="s">
        <v>331</v>
      </c>
      <c r="D98" s="2" t="s">
        <v>332</v>
      </c>
      <c r="E98" s="2" t="s">
        <v>324</v>
      </c>
      <c r="F98" s="2" t="s">
        <v>333</v>
      </c>
      <c r="G98" s="3">
        <v>3</v>
      </c>
      <c r="H98" s="2" t="s">
        <v>19</v>
      </c>
      <c r="I98" s="3">
        <v>2011</v>
      </c>
      <c r="J98" s="2" t="s">
        <v>20</v>
      </c>
      <c r="K98" s="2"/>
      <c r="L98" s="2" t="s">
        <v>334</v>
      </c>
    </row>
    <row r="99" spans="1:12" ht="15.2" customHeight="1">
      <c r="A99" s="2" t="s">
        <v>301</v>
      </c>
      <c r="B99" s="2" t="s">
        <v>265</v>
      </c>
      <c r="C99" s="2" t="s">
        <v>335</v>
      </c>
      <c r="D99" s="2" t="s">
        <v>336</v>
      </c>
      <c r="E99" s="2" t="s">
        <v>224</v>
      </c>
      <c r="F99" s="2" t="s">
        <v>337</v>
      </c>
      <c r="G99" s="3">
        <v>3</v>
      </c>
      <c r="H99" s="2" t="s">
        <v>33</v>
      </c>
      <c r="I99" s="3">
        <v>2013</v>
      </c>
      <c r="J99" s="2" t="s">
        <v>20</v>
      </c>
      <c r="K99" s="2"/>
      <c r="L99" s="2" t="s">
        <v>338</v>
      </c>
    </row>
    <row r="100" spans="1:12" ht="15.2" customHeight="1">
      <c r="A100" s="2" t="s">
        <v>301</v>
      </c>
      <c r="B100" s="2" t="s">
        <v>270</v>
      </c>
      <c r="C100" s="2" t="s">
        <v>266</v>
      </c>
      <c r="D100" s="2" t="s">
        <v>267</v>
      </c>
      <c r="E100" s="2" t="s">
        <v>224</v>
      </c>
      <c r="F100" s="2" t="s">
        <v>268</v>
      </c>
      <c r="G100" s="3">
        <v>2</v>
      </c>
      <c r="H100" s="2" t="s">
        <v>33</v>
      </c>
      <c r="I100" s="3">
        <v>2013</v>
      </c>
      <c r="J100" s="2" t="s">
        <v>20</v>
      </c>
      <c r="K100" s="2"/>
      <c r="L100" s="2" t="s">
        <v>269</v>
      </c>
    </row>
    <row r="101" spans="1:12" ht="15.2" customHeight="1">
      <c r="A101" s="2" t="s">
        <v>301</v>
      </c>
      <c r="B101" s="2" t="s">
        <v>271</v>
      </c>
      <c r="C101" s="2" t="s">
        <v>307</v>
      </c>
      <c r="D101" s="2" t="s">
        <v>308</v>
      </c>
      <c r="E101" s="2" t="s">
        <v>231</v>
      </c>
      <c r="F101" s="2" t="s">
        <v>309</v>
      </c>
      <c r="G101" s="3">
        <v>7</v>
      </c>
      <c r="H101" s="2" t="s">
        <v>19</v>
      </c>
      <c r="I101" s="3">
        <v>2020</v>
      </c>
      <c r="J101" s="2" t="s">
        <v>20</v>
      </c>
      <c r="K101" s="2"/>
      <c r="L101" s="2" t="s">
        <v>310</v>
      </c>
    </row>
    <row r="102" spans="1:12" ht="15.2" customHeight="1">
      <c r="A102" s="2" t="s">
        <v>301</v>
      </c>
      <c r="B102" s="2" t="s">
        <v>112</v>
      </c>
      <c r="C102" s="2" t="s">
        <v>229</v>
      </c>
      <c r="D102" s="2" t="s">
        <v>230</v>
      </c>
      <c r="E102" s="2" t="s">
        <v>231</v>
      </c>
      <c r="F102" s="2" t="s">
        <v>232</v>
      </c>
      <c r="G102" s="3">
        <v>6</v>
      </c>
      <c r="H102" s="2" t="s">
        <v>33</v>
      </c>
      <c r="I102" s="3">
        <v>2020</v>
      </c>
      <c r="J102" s="2" t="s">
        <v>20</v>
      </c>
      <c r="K102" s="2"/>
      <c r="L102" s="2" t="s">
        <v>233</v>
      </c>
    </row>
    <row r="103" spans="1:12" s="8" customFormat="1" ht="15.2" customHeight="1">
      <c r="A103" s="7" t="s">
        <v>301</v>
      </c>
      <c r="B103" s="7" t="s">
        <v>117</v>
      </c>
      <c r="C103" s="7" t="s">
        <v>339</v>
      </c>
      <c r="D103" s="7" t="s">
        <v>340</v>
      </c>
      <c r="E103" s="7" t="s">
        <v>43</v>
      </c>
      <c r="F103" s="7" t="s">
        <v>341</v>
      </c>
      <c r="G103" s="7">
        <v>2</v>
      </c>
      <c r="H103" s="7" t="s">
        <v>33</v>
      </c>
      <c r="I103" s="7">
        <v>2017</v>
      </c>
      <c r="J103" s="7" t="s">
        <v>20</v>
      </c>
      <c r="K103" s="7"/>
      <c r="L103" s="7" t="s">
        <v>342</v>
      </c>
    </row>
    <row r="104" spans="1:12" ht="15.2" customHeight="1">
      <c r="A104" s="2" t="s">
        <v>301</v>
      </c>
      <c r="B104" s="2" t="s">
        <v>123</v>
      </c>
      <c r="C104" s="2" t="s">
        <v>343</v>
      </c>
      <c r="D104" s="2" t="s">
        <v>344</v>
      </c>
      <c r="E104" s="2" t="s">
        <v>345</v>
      </c>
      <c r="F104" s="2" t="s">
        <v>346</v>
      </c>
      <c r="G104" s="3">
        <v>1</v>
      </c>
      <c r="H104" s="2" t="s">
        <v>33</v>
      </c>
      <c r="I104" s="3">
        <v>2018</v>
      </c>
      <c r="J104" s="2" t="s">
        <v>347</v>
      </c>
      <c r="K104" s="2"/>
      <c r="L104" s="2"/>
    </row>
    <row r="105" spans="1:12" ht="15.2" customHeight="1">
      <c r="A105" s="2" t="s">
        <v>301</v>
      </c>
      <c r="B105" s="2" t="s">
        <v>128</v>
      </c>
      <c r="C105" s="2" t="s">
        <v>348</v>
      </c>
      <c r="D105" s="2" t="s">
        <v>349</v>
      </c>
      <c r="E105" s="2" t="s">
        <v>345</v>
      </c>
      <c r="F105" s="2" t="s">
        <v>350</v>
      </c>
      <c r="G105" s="3">
        <v>2</v>
      </c>
      <c r="H105" s="2" t="s">
        <v>33</v>
      </c>
      <c r="I105" s="3">
        <v>2018</v>
      </c>
      <c r="J105" s="2" t="s">
        <v>347</v>
      </c>
      <c r="K105" s="2"/>
      <c r="L105" s="2"/>
    </row>
    <row r="106" spans="1:12" ht="15.2" customHeight="1">
      <c r="A106" s="2" t="s">
        <v>301</v>
      </c>
      <c r="B106" s="2" t="s">
        <v>211</v>
      </c>
      <c r="C106" s="2" t="s">
        <v>351</v>
      </c>
      <c r="D106" s="2" t="s">
        <v>352</v>
      </c>
      <c r="E106" s="2" t="s">
        <v>31</v>
      </c>
      <c r="F106" s="2" t="s">
        <v>353</v>
      </c>
      <c r="G106" s="3">
        <v>4</v>
      </c>
      <c r="H106" s="2" t="s">
        <v>33</v>
      </c>
      <c r="I106" s="3">
        <v>2015</v>
      </c>
      <c r="J106" s="2" t="s">
        <v>347</v>
      </c>
      <c r="K106" s="2"/>
      <c r="L106" s="2" t="s">
        <v>354</v>
      </c>
    </row>
    <row r="107" spans="1:12" ht="15.2" customHeight="1">
      <c r="A107" s="2" t="s">
        <v>301</v>
      </c>
      <c r="B107" s="2" t="s">
        <v>132</v>
      </c>
      <c r="C107" s="2" t="s">
        <v>355</v>
      </c>
      <c r="D107" s="2" t="s">
        <v>356</v>
      </c>
      <c r="E107" s="2" t="s">
        <v>287</v>
      </c>
      <c r="F107" s="2" t="s">
        <v>357</v>
      </c>
      <c r="G107" s="3">
        <v>2</v>
      </c>
      <c r="H107" s="2" t="s">
        <v>74</v>
      </c>
      <c r="I107" s="3">
        <v>2011</v>
      </c>
      <c r="J107" s="2" t="s">
        <v>20</v>
      </c>
      <c r="K107" s="2"/>
      <c r="L107" s="2" t="s">
        <v>358</v>
      </c>
    </row>
    <row r="108" spans="1:12" ht="15.2" customHeight="1">
      <c r="A108" s="2" t="s">
        <v>301</v>
      </c>
      <c r="B108" s="2" t="s">
        <v>137</v>
      </c>
      <c r="C108" s="2" t="s">
        <v>285</v>
      </c>
      <c r="D108" s="2" t="s">
        <v>286</v>
      </c>
      <c r="E108" s="2" t="s">
        <v>287</v>
      </c>
      <c r="F108" s="2" t="s">
        <v>288</v>
      </c>
      <c r="G108" s="3">
        <v>1</v>
      </c>
      <c r="H108" s="2" t="s">
        <v>74</v>
      </c>
      <c r="I108" s="3">
        <v>2011</v>
      </c>
      <c r="J108" s="2" t="s">
        <v>20</v>
      </c>
      <c r="K108" s="2"/>
      <c r="L108" s="2" t="s">
        <v>289</v>
      </c>
    </row>
    <row r="109" spans="1:12" ht="15.2" customHeight="1">
      <c r="A109" s="2" t="s">
        <v>301</v>
      </c>
      <c r="B109" s="2" t="s">
        <v>144</v>
      </c>
      <c r="C109" s="2" t="s">
        <v>359</v>
      </c>
      <c r="D109" s="2" t="s">
        <v>360</v>
      </c>
      <c r="E109" s="2" t="s">
        <v>292</v>
      </c>
      <c r="F109" s="2" t="s">
        <v>361</v>
      </c>
      <c r="G109" s="3">
        <v>1</v>
      </c>
      <c r="H109" s="2" t="s">
        <v>294</v>
      </c>
      <c r="I109" s="3">
        <v>2009</v>
      </c>
      <c r="J109" s="2" t="s">
        <v>20</v>
      </c>
      <c r="K109" s="2"/>
      <c r="L109" s="2" t="s">
        <v>362</v>
      </c>
    </row>
    <row r="110" spans="1:12" ht="15.2" customHeight="1">
      <c r="A110" s="2" t="s">
        <v>301</v>
      </c>
      <c r="B110" s="2" t="s">
        <v>149</v>
      </c>
      <c r="C110" s="2" t="s">
        <v>302</v>
      </c>
      <c r="D110" s="2" t="s">
        <v>303</v>
      </c>
      <c r="E110" s="2" t="s">
        <v>215</v>
      </c>
      <c r="F110" s="2" t="s">
        <v>304</v>
      </c>
      <c r="G110" s="3">
        <v>3</v>
      </c>
      <c r="H110" s="2" t="s">
        <v>33</v>
      </c>
      <c r="I110" s="3">
        <v>2018</v>
      </c>
      <c r="J110" s="2" t="s">
        <v>20</v>
      </c>
      <c r="K110" s="2"/>
      <c r="L110" s="2" t="s">
        <v>305</v>
      </c>
    </row>
    <row r="111" spans="1:12" ht="15.2" customHeight="1">
      <c r="A111" s="2" t="s">
        <v>301</v>
      </c>
      <c r="B111" s="2" t="s">
        <v>154</v>
      </c>
      <c r="C111" s="2" t="s">
        <v>213</v>
      </c>
      <c r="D111" s="2" t="s">
        <v>214</v>
      </c>
      <c r="E111" s="2" t="s">
        <v>215</v>
      </c>
      <c r="F111" s="2" t="s">
        <v>216</v>
      </c>
      <c r="G111" s="3">
        <v>2</v>
      </c>
      <c r="H111" s="2" t="s">
        <v>33</v>
      </c>
      <c r="I111" s="3">
        <v>2018</v>
      </c>
      <c r="J111" s="2" t="s">
        <v>20</v>
      </c>
      <c r="K111" s="2"/>
      <c r="L111" s="2" t="s">
        <v>217</v>
      </c>
    </row>
    <row r="112" spans="1:12" ht="15.2" customHeight="1">
      <c r="A112" s="2" t="s">
        <v>301</v>
      </c>
      <c r="B112" s="2" t="s">
        <v>159</v>
      </c>
      <c r="C112" s="2" t="s">
        <v>335</v>
      </c>
      <c r="D112" s="2" t="s">
        <v>336</v>
      </c>
      <c r="E112" s="2" t="s">
        <v>224</v>
      </c>
      <c r="F112" s="2" t="s">
        <v>337</v>
      </c>
      <c r="G112" s="3">
        <v>3</v>
      </c>
      <c r="H112" s="2" t="s">
        <v>33</v>
      </c>
      <c r="I112" s="3">
        <v>2013</v>
      </c>
      <c r="J112" s="2" t="s">
        <v>20</v>
      </c>
      <c r="K112" s="2"/>
      <c r="L112" s="2" t="s">
        <v>338</v>
      </c>
    </row>
    <row r="113" spans="1:12" ht="15.2" customHeight="1">
      <c r="A113" s="2" t="s">
        <v>301</v>
      </c>
      <c r="B113" s="2" t="s">
        <v>160</v>
      </c>
      <c r="C113" s="2" t="s">
        <v>266</v>
      </c>
      <c r="D113" s="2" t="s">
        <v>267</v>
      </c>
      <c r="E113" s="2" t="s">
        <v>224</v>
      </c>
      <c r="F113" s="2" t="s">
        <v>268</v>
      </c>
      <c r="G113" s="3">
        <v>2</v>
      </c>
      <c r="H113" s="2" t="s">
        <v>33</v>
      </c>
      <c r="I113" s="3">
        <v>2013</v>
      </c>
      <c r="J113" s="2" t="s">
        <v>20</v>
      </c>
      <c r="K113" s="2"/>
      <c r="L113" s="2" t="s">
        <v>269</v>
      </c>
    </row>
    <row r="114" spans="1:12" ht="15.2" customHeight="1">
      <c r="A114" s="2" t="s">
        <v>301</v>
      </c>
      <c r="B114" s="2" t="s">
        <v>161</v>
      </c>
      <c r="C114" s="2" t="s">
        <v>339</v>
      </c>
      <c r="D114" s="2" t="s">
        <v>340</v>
      </c>
      <c r="E114" s="2" t="s">
        <v>43</v>
      </c>
      <c r="F114" s="2" t="s">
        <v>341</v>
      </c>
      <c r="G114" s="3">
        <v>2</v>
      </c>
      <c r="H114" s="2" t="s">
        <v>33</v>
      </c>
      <c r="I114" s="3">
        <v>2017</v>
      </c>
      <c r="J114" s="2" t="s">
        <v>20</v>
      </c>
      <c r="K114" s="2"/>
      <c r="L114" s="2" t="s">
        <v>342</v>
      </c>
    </row>
    <row r="115" spans="1:12" ht="15.2" customHeight="1">
      <c r="A115" s="2" t="s">
        <v>363</v>
      </c>
      <c r="B115" s="2" t="s">
        <v>14</v>
      </c>
      <c r="C115" s="2" t="s">
        <v>364</v>
      </c>
      <c r="D115" s="2" t="s">
        <v>365</v>
      </c>
      <c r="E115" s="2" t="s">
        <v>215</v>
      </c>
      <c r="F115" s="2" t="s">
        <v>366</v>
      </c>
      <c r="G115" s="3">
        <v>4</v>
      </c>
      <c r="H115" s="2" t="s">
        <v>33</v>
      </c>
      <c r="I115" s="3">
        <v>2018</v>
      </c>
      <c r="J115" s="2" t="s">
        <v>20</v>
      </c>
      <c r="K115" s="2"/>
      <c r="L115" s="2" t="s">
        <v>367</v>
      </c>
    </row>
    <row r="116" spans="1:12" ht="15.2" customHeight="1">
      <c r="A116" s="2" t="s">
        <v>363</v>
      </c>
      <c r="B116" s="2" t="s">
        <v>22</v>
      </c>
      <c r="C116" s="2" t="s">
        <v>302</v>
      </c>
      <c r="D116" s="2" t="s">
        <v>303</v>
      </c>
      <c r="E116" s="2" t="s">
        <v>215</v>
      </c>
      <c r="F116" s="2" t="s">
        <v>304</v>
      </c>
      <c r="G116" s="3">
        <v>3</v>
      </c>
      <c r="H116" s="2" t="s">
        <v>33</v>
      </c>
      <c r="I116" s="3">
        <v>2018</v>
      </c>
      <c r="J116" s="2" t="s">
        <v>20</v>
      </c>
      <c r="K116" s="2"/>
      <c r="L116" s="2" t="s">
        <v>305</v>
      </c>
    </row>
    <row r="117" spans="1:12" ht="15.2" customHeight="1">
      <c r="A117" s="2" t="s">
        <v>363</v>
      </c>
      <c r="B117" s="2" t="s">
        <v>28</v>
      </c>
      <c r="C117" s="2" t="s">
        <v>368</v>
      </c>
      <c r="D117" s="2" t="s">
        <v>369</v>
      </c>
      <c r="E117" s="2" t="s">
        <v>370</v>
      </c>
      <c r="F117" s="2" t="s">
        <v>371</v>
      </c>
      <c r="G117" s="3">
        <v>1</v>
      </c>
      <c r="H117" s="2" t="s">
        <v>33</v>
      </c>
      <c r="I117" s="3">
        <v>2017</v>
      </c>
      <c r="J117" s="2" t="s">
        <v>142</v>
      </c>
      <c r="K117" s="2"/>
      <c r="L117" s="2" t="s">
        <v>372</v>
      </c>
    </row>
    <row r="118" spans="1:12" ht="15.2" customHeight="1">
      <c r="A118" s="2" t="s">
        <v>363</v>
      </c>
      <c r="B118" s="2" t="s">
        <v>35</v>
      </c>
      <c r="C118" s="2" t="s">
        <v>70</v>
      </c>
      <c r="D118" s="2" t="s">
        <v>71</v>
      </c>
      <c r="E118" s="2" t="s">
        <v>72</v>
      </c>
      <c r="F118" s="2" t="s">
        <v>73</v>
      </c>
      <c r="G118" s="3">
        <v>3</v>
      </c>
      <c r="H118" s="2" t="s">
        <v>74</v>
      </c>
      <c r="I118" s="3">
        <v>2019</v>
      </c>
      <c r="J118" s="2" t="s">
        <v>75</v>
      </c>
      <c r="K118" s="2"/>
      <c r="L118" s="2" t="s">
        <v>76</v>
      </c>
    </row>
    <row r="119" spans="1:12" ht="15.2" customHeight="1">
      <c r="A119" s="2" t="s">
        <v>363</v>
      </c>
      <c r="B119" s="2" t="s">
        <v>306</v>
      </c>
      <c r="C119" s="2" t="s">
        <v>78</v>
      </c>
      <c r="D119" s="2" t="s">
        <v>79</v>
      </c>
      <c r="E119" s="2" t="s">
        <v>72</v>
      </c>
      <c r="F119" s="2" t="s">
        <v>80</v>
      </c>
      <c r="G119" s="3">
        <v>4</v>
      </c>
      <c r="H119" s="2" t="s">
        <v>74</v>
      </c>
      <c r="I119" s="3">
        <v>2019</v>
      </c>
      <c r="J119" s="2" t="s">
        <v>75</v>
      </c>
      <c r="K119" s="2"/>
      <c r="L119" s="2" t="s">
        <v>81</v>
      </c>
    </row>
    <row r="120" spans="1:12" ht="15.2" customHeight="1">
      <c r="A120" s="2" t="s">
        <v>363</v>
      </c>
      <c r="B120" s="2" t="s">
        <v>227</v>
      </c>
      <c r="C120" s="2" t="s">
        <v>83</v>
      </c>
      <c r="D120" s="2" t="s">
        <v>84</v>
      </c>
      <c r="E120" s="2" t="s">
        <v>85</v>
      </c>
      <c r="F120" s="2" t="s">
        <v>86</v>
      </c>
      <c r="G120" s="3">
        <v>2</v>
      </c>
      <c r="H120" s="2" t="s">
        <v>19</v>
      </c>
      <c r="I120" s="3">
        <v>2012</v>
      </c>
      <c r="J120" s="2" t="s">
        <v>20</v>
      </c>
      <c r="K120" s="2"/>
      <c r="L120" s="2" t="s">
        <v>87</v>
      </c>
    </row>
    <row r="121" spans="1:12" ht="15.2" customHeight="1">
      <c r="A121" s="2" t="s">
        <v>363</v>
      </c>
      <c r="B121" s="2" t="s">
        <v>228</v>
      </c>
      <c r="C121" s="2" t="s">
        <v>373</v>
      </c>
      <c r="D121" s="2" t="s">
        <v>374</v>
      </c>
      <c r="E121" s="2" t="s">
        <v>231</v>
      </c>
      <c r="F121" s="2" t="s">
        <v>375</v>
      </c>
      <c r="G121" s="3">
        <v>8</v>
      </c>
      <c r="H121" s="2" t="s">
        <v>33</v>
      </c>
      <c r="I121" s="3">
        <v>2020</v>
      </c>
      <c r="J121" s="2" t="s">
        <v>20</v>
      </c>
      <c r="K121" s="2"/>
      <c r="L121" s="2" t="s">
        <v>376</v>
      </c>
    </row>
    <row r="122" spans="1:12" ht="15.2" customHeight="1">
      <c r="A122" s="2" t="s">
        <v>363</v>
      </c>
      <c r="B122" s="2" t="s">
        <v>234</v>
      </c>
      <c r="C122" s="2" t="s">
        <v>307</v>
      </c>
      <c r="D122" s="2" t="s">
        <v>308</v>
      </c>
      <c r="E122" s="2" t="s">
        <v>231</v>
      </c>
      <c r="F122" s="2" t="s">
        <v>309</v>
      </c>
      <c r="G122" s="3">
        <v>7</v>
      </c>
      <c r="H122" s="2" t="s">
        <v>19</v>
      </c>
      <c r="I122" s="3">
        <v>2020</v>
      </c>
      <c r="J122" s="2" t="s">
        <v>20</v>
      </c>
      <c r="K122" s="2"/>
      <c r="L122" s="2" t="s">
        <v>310</v>
      </c>
    </row>
    <row r="123" spans="1:12" ht="15.2" customHeight="1">
      <c r="A123" s="2" t="s">
        <v>363</v>
      </c>
      <c r="B123" s="2" t="s">
        <v>239</v>
      </c>
      <c r="C123" s="2" t="s">
        <v>377</v>
      </c>
      <c r="D123" s="2" t="s">
        <v>378</v>
      </c>
      <c r="E123" s="2" t="s">
        <v>165</v>
      </c>
      <c r="F123" s="2" t="s">
        <v>379</v>
      </c>
      <c r="G123" s="3">
        <v>6</v>
      </c>
      <c r="H123" s="2" t="s">
        <v>100</v>
      </c>
      <c r="I123" s="3">
        <v>2018</v>
      </c>
      <c r="J123" s="2" t="s">
        <v>20</v>
      </c>
      <c r="K123" s="2"/>
      <c r="L123" s="2" t="s">
        <v>380</v>
      </c>
    </row>
    <row r="124" spans="1:12" ht="15.2" customHeight="1">
      <c r="A124" s="2" t="s">
        <v>363</v>
      </c>
      <c r="B124" s="2" t="s">
        <v>245</v>
      </c>
      <c r="C124" s="2" t="s">
        <v>381</v>
      </c>
      <c r="D124" s="2" t="s">
        <v>382</v>
      </c>
      <c r="E124" s="2" t="s">
        <v>165</v>
      </c>
      <c r="F124" s="2" t="s">
        <v>383</v>
      </c>
      <c r="G124" s="3">
        <v>7</v>
      </c>
      <c r="H124" s="2" t="s">
        <v>33</v>
      </c>
      <c r="I124" s="3">
        <v>2018</v>
      </c>
      <c r="J124" s="2" t="s">
        <v>20</v>
      </c>
      <c r="K124" s="2"/>
      <c r="L124" s="2" t="s">
        <v>384</v>
      </c>
    </row>
    <row r="125" spans="1:12" ht="15.2" customHeight="1">
      <c r="A125" s="2" t="s">
        <v>363</v>
      </c>
      <c r="B125" s="2" t="s">
        <v>250</v>
      </c>
      <c r="C125" s="2" t="s">
        <v>385</v>
      </c>
      <c r="D125" s="2" t="s">
        <v>386</v>
      </c>
      <c r="E125" s="2" t="s">
        <v>165</v>
      </c>
      <c r="F125" s="2" t="s">
        <v>387</v>
      </c>
      <c r="G125" s="3">
        <v>8</v>
      </c>
      <c r="H125" s="2" t="s">
        <v>205</v>
      </c>
      <c r="I125" s="3">
        <v>2018</v>
      </c>
      <c r="J125" s="2" t="s">
        <v>20</v>
      </c>
      <c r="K125" s="2"/>
      <c r="L125" s="2" t="s">
        <v>388</v>
      </c>
    </row>
    <row r="126" spans="1:12" ht="15.2" customHeight="1">
      <c r="A126" s="2" t="s">
        <v>363</v>
      </c>
      <c r="B126" s="2" t="s">
        <v>255</v>
      </c>
      <c r="C126" s="2" t="s">
        <v>389</v>
      </c>
      <c r="D126" s="2" t="s">
        <v>390</v>
      </c>
      <c r="E126" s="2" t="s">
        <v>165</v>
      </c>
      <c r="F126" s="2" t="s">
        <v>391</v>
      </c>
      <c r="G126" s="3">
        <v>9</v>
      </c>
      <c r="H126" s="2" t="s">
        <v>100</v>
      </c>
      <c r="I126" s="3">
        <v>2018</v>
      </c>
      <c r="J126" s="2" t="s">
        <v>20</v>
      </c>
      <c r="K126" s="2"/>
      <c r="L126" s="2" t="s">
        <v>392</v>
      </c>
    </row>
    <row r="127" spans="1:12" ht="15.2" customHeight="1">
      <c r="A127" s="2" t="s">
        <v>363</v>
      </c>
      <c r="B127" s="2" t="s">
        <v>260</v>
      </c>
      <c r="C127" s="2" t="s">
        <v>393</v>
      </c>
      <c r="D127" s="2" t="s">
        <v>394</v>
      </c>
      <c r="E127" s="2" t="s">
        <v>165</v>
      </c>
      <c r="F127" s="2" t="s">
        <v>395</v>
      </c>
      <c r="G127" s="3">
        <v>10</v>
      </c>
      <c r="H127" s="2" t="s">
        <v>33</v>
      </c>
      <c r="I127" s="3">
        <v>2018</v>
      </c>
      <c r="J127" s="2" t="s">
        <v>20</v>
      </c>
      <c r="K127" s="2"/>
      <c r="L127" s="2" t="s">
        <v>396</v>
      </c>
    </row>
    <row r="128" spans="1:12" ht="15.2" customHeight="1">
      <c r="A128" s="2" t="s">
        <v>363</v>
      </c>
      <c r="B128" s="2" t="s">
        <v>265</v>
      </c>
      <c r="C128" s="2" t="s">
        <v>368</v>
      </c>
      <c r="D128" s="2" t="s">
        <v>369</v>
      </c>
      <c r="E128" s="2" t="s">
        <v>370</v>
      </c>
      <c r="F128" s="2" t="s">
        <v>371</v>
      </c>
      <c r="G128" s="3">
        <v>1</v>
      </c>
      <c r="H128" s="2" t="s">
        <v>33</v>
      </c>
      <c r="I128" s="3">
        <v>2017</v>
      </c>
      <c r="J128" s="2" t="s">
        <v>142</v>
      </c>
      <c r="K128" s="2"/>
      <c r="L128" s="2" t="s">
        <v>372</v>
      </c>
    </row>
    <row r="129" spans="1:12" ht="15.2" customHeight="1">
      <c r="A129" s="2" t="s">
        <v>363</v>
      </c>
      <c r="B129" s="2" t="s">
        <v>270</v>
      </c>
      <c r="C129" s="2" t="s">
        <v>335</v>
      </c>
      <c r="D129" s="2" t="s">
        <v>336</v>
      </c>
      <c r="E129" s="2" t="s">
        <v>224</v>
      </c>
      <c r="F129" s="2" t="s">
        <v>337</v>
      </c>
      <c r="G129" s="3">
        <v>3</v>
      </c>
      <c r="H129" s="2" t="s">
        <v>33</v>
      </c>
      <c r="I129" s="3">
        <v>2013</v>
      </c>
      <c r="J129" s="2" t="s">
        <v>20</v>
      </c>
      <c r="K129" s="2"/>
      <c r="L129" s="2" t="s">
        <v>338</v>
      </c>
    </row>
    <row r="130" spans="1:12" ht="15.2" customHeight="1">
      <c r="A130" s="2" t="s">
        <v>363</v>
      </c>
      <c r="B130" s="2" t="s">
        <v>271</v>
      </c>
      <c r="C130" s="2" t="s">
        <v>373</v>
      </c>
      <c r="D130" s="2" t="s">
        <v>374</v>
      </c>
      <c r="E130" s="2" t="s">
        <v>231</v>
      </c>
      <c r="F130" s="2" t="s">
        <v>375</v>
      </c>
      <c r="G130" s="3">
        <v>8</v>
      </c>
      <c r="H130" s="2" t="s">
        <v>33</v>
      </c>
      <c r="I130" s="3">
        <v>2020</v>
      </c>
      <c r="J130" s="2" t="s">
        <v>20</v>
      </c>
      <c r="K130" s="2"/>
      <c r="L130" s="2" t="s">
        <v>376</v>
      </c>
    </row>
    <row r="131" spans="1:12" ht="15.2" customHeight="1">
      <c r="A131" s="2" t="s">
        <v>363</v>
      </c>
      <c r="B131" s="2" t="s">
        <v>112</v>
      </c>
      <c r="C131" s="2" t="s">
        <v>307</v>
      </c>
      <c r="D131" s="2" t="s">
        <v>308</v>
      </c>
      <c r="E131" s="2" t="s">
        <v>231</v>
      </c>
      <c r="F131" s="2" t="s">
        <v>309</v>
      </c>
      <c r="G131" s="3">
        <v>7</v>
      </c>
      <c r="H131" s="2" t="s">
        <v>19</v>
      </c>
      <c r="I131" s="3">
        <v>2020</v>
      </c>
      <c r="J131" s="2" t="s">
        <v>20</v>
      </c>
      <c r="K131" s="2"/>
      <c r="L131" s="2" t="s">
        <v>310</v>
      </c>
    </row>
    <row r="132" spans="1:12" ht="15.2" customHeight="1">
      <c r="A132" s="2" t="s">
        <v>363</v>
      </c>
      <c r="B132" s="2" t="s">
        <v>117</v>
      </c>
      <c r="C132" s="2" t="s">
        <v>397</v>
      </c>
      <c r="D132" s="2" t="s">
        <v>398</v>
      </c>
      <c r="E132" s="2" t="s">
        <v>72</v>
      </c>
      <c r="F132" s="2" t="s">
        <v>399</v>
      </c>
      <c r="G132" s="3">
        <v>5</v>
      </c>
      <c r="H132" s="2" t="s">
        <v>74</v>
      </c>
      <c r="I132" s="3">
        <v>2019</v>
      </c>
      <c r="J132" s="2" t="s">
        <v>75</v>
      </c>
      <c r="K132" s="2"/>
      <c r="L132" s="2" t="s">
        <v>400</v>
      </c>
    </row>
    <row r="133" spans="1:12" ht="15.2" customHeight="1">
      <c r="A133" s="2" t="s">
        <v>363</v>
      </c>
      <c r="B133" s="2" t="s">
        <v>123</v>
      </c>
      <c r="C133" s="2" t="s">
        <v>401</v>
      </c>
      <c r="D133" s="2" t="s">
        <v>402</v>
      </c>
      <c r="E133" s="2" t="s">
        <v>72</v>
      </c>
      <c r="F133" s="2" t="s">
        <v>403</v>
      </c>
      <c r="G133" s="3">
        <v>6</v>
      </c>
      <c r="H133" s="2" t="s">
        <v>74</v>
      </c>
      <c r="I133" s="3">
        <v>2019</v>
      </c>
      <c r="J133" s="2" t="s">
        <v>75</v>
      </c>
      <c r="K133" s="2"/>
      <c r="L133" s="2" t="s">
        <v>404</v>
      </c>
    </row>
    <row r="134" spans="1:12" ht="15.2" customHeight="1">
      <c r="A134" s="2" t="s">
        <v>363</v>
      </c>
      <c r="B134" s="2" t="s">
        <v>128</v>
      </c>
      <c r="C134" s="2" t="s">
        <v>405</v>
      </c>
      <c r="D134" s="2" t="s">
        <v>406</v>
      </c>
      <c r="E134" s="2" t="s">
        <v>85</v>
      </c>
      <c r="F134" s="2" t="s">
        <v>407</v>
      </c>
      <c r="G134" s="3">
        <v>3</v>
      </c>
      <c r="H134" s="2" t="s">
        <v>19</v>
      </c>
      <c r="I134" s="3">
        <v>2012</v>
      </c>
      <c r="J134" s="2" t="s">
        <v>20</v>
      </c>
      <c r="K134" s="2"/>
      <c r="L134" s="2" t="s">
        <v>408</v>
      </c>
    </row>
    <row r="135" spans="1:12" ht="15.2" customHeight="1">
      <c r="A135" s="2" t="s">
        <v>363</v>
      </c>
      <c r="B135" s="2" t="s">
        <v>211</v>
      </c>
      <c r="C135" s="2" t="s">
        <v>409</v>
      </c>
      <c r="D135" s="2" t="s">
        <v>410</v>
      </c>
      <c r="E135" s="2" t="s">
        <v>411</v>
      </c>
      <c r="F135" s="2" t="s">
        <v>412</v>
      </c>
      <c r="G135" s="3">
        <v>1</v>
      </c>
      <c r="H135" s="2" t="s">
        <v>33</v>
      </c>
      <c r="I135" s="3">
        <v>2017</v>
      </c>
      <c r="J135" s="2" t="s">
        <v>20</v>
      </c>
      <c r="K135" s="2"/>
      <c r="L135" s="2" t="s">
        <v>413</v>
      </c>
    </row>
    <row r="136" spans="1:12" ht="15.2" customHeight="1">
      <c r="A136" s="2" t="s">
        <v>363</v>
      </c>
      <c r="B136" s="2" t="s">
        <v>132</v>
      </c>
      <c r="C136" s="2" t="s">
        <v>414</v>
      </c>
      <c r="D136" s="2" t="s">
        <v>415</v>
      </c>
      <c r="E136" s="2" t="s">
        <v>287</v>
      </c>
      <c r="F136" s="2" t="s">
        <v>416</v>
      </c>
      <c r="G136" s="3">
        <v>3</v>
      </c>
      <c r="H136" s="2" t="s">
        <v>74</v>
      </c>
      <c r="I136" s="3">
        <v>2011</v>
      </c>
      <c r="J136" s="2" t="s">
        <v>20</v>
      </c>
      <c r="K136" s="2"/>
      <c r="L136" s="2" t="s">
        <v>417</v>
      </c>
    </row>
    <row r="137" spans="1:12" ht="15.2" customHeight="1">
      <c r="A137" s="2" t="s">
        <v>363</v>
      </c>
      <c r="B137" s="2" t="s">
        <v>137</v>
      </c>
      <c r="C137" s="2" t="s">
        <v>355</v>
      </c>
      <c r="D137" s="2" t="s">
        <v>356</v>
      </c>
      <c r="E137" s="2" t="s">
        <v>287</v>
      </c>
      <c r="F137" s="2" t="s">
        <v>357</v>
      </c>
      <c r="G137" s="3">
        <v>2</v>
      </c>
      <c r="H137" s="2" t="s">
        <v>74</v>
      </c>
      <c r="I137" s="3">
        <v>2011</v>
      </c>
      <c r="J137" s="2" t="s">
        <v>20</v>
      </c>
      <c r="K137" s="2"/>
      <c r="L137" s="2" t="s">
        <v>358</v>
      </c>
    </row>
    <row r="138" spans="1:12" ht="15.2" customHeight="1">
      <c r="A138" s="2" t="s">
        <v>363</v>
      </c>
      <c r="B138" s="2" t="s">
        <v>144</v>
      </c>
      <c r="C138" s="2" t="s">
        <v>418</v>
      </c>
      <c r="D138" s="2" t="s">
        <v>419</v>
      </c>
      <c r="E138" s="2" t="s">
        <v>292</v>
      </c>
      <c r="F138" s="2" t="s">
        <v>420</v>
      </c>
      <c r="G138" s="3">
        <v>2</v>
      </c>
      <c r="H138" s="2" t="s">
        <v>26</v>
      </c>
      <c r="I138" s="3">
        <v>2009</v>
      </c>
      <c r="J138" s="2" t="s">
        <v>20</v>
      </c>
      <c r="K138" s="2"/>
      <c r="L138" s="2" t="s">
        <v>421</v>
      </c>
    </row>
    <row r="139" spans="1:12" ht="15.2" customHeight="1">
      <c r="A139" s="2" t="s">
        <v>363</v>
      </c>
      <c r="B139" s="2" t="s">
        <v>149</v>
      </c>
      <c r="C139" s="2" t="s">
        <v>364</v>
      </c>
      <c r="D139" s="2" t="s">
        <v>365</v>
      </c>
      <c r="E139" s="2" t="s">
        <v>215</v>
      </c>
      <c r="F139" s="2" t="s">
        <v>366</v>
      </c>
      <c r="G139" s="3">
        <v>4</v>
      </c>
      <c r="H139" s="2" t="s">
        <v>33</v>
      </c>
      <c r="I139" s="3">
        <v>2018</v>
      </c>
      <c r="J139" s="2" t="s">
        <v>20</v>
      </c>
      <c r="K139" s="2"/>
      <c r="L139" s="2" t="s">
        <v>367</v>
      </c>
    </row>
    <row r="140" spans="1:12" ht="15.2" customHeight="1">
      <c r="A140" s="2" t="s">
        <v>363</v>
      </c>
      <c r="B140" s="2" t="s">
        <v>154</v>
      </c>
      <c r="C140" s="2" t="s">
        <v>302</v>
      </c>
      <c r="D140" s="2" t="s">
        <v>303</v>
      </c>
      <c r="E140" s="2" t="s">
        <v>215</v>
      </c>
      <c r="F140" s="2" t="s">
        <v>304</v>
      </c>
      <c r="G140" s="3">
        <v>3</v>
      </c>
      <c r="H140" s="2" t="s">
        <v>33</v>
      </c>
      <c r="I140" s="3">
        <v>2018</v>
      </c>
      <c r="J140" s="2" t="s">
        <v>20</v>
      </c>
      <c r="K140" s="2"/>
      <c r="L140" s="2" t="s">
        <v>305</v>
      </c>
    </row>
    <row r="141" spans="1:12" ht="15.2" customHeight="1">
      <c r="A141" s="2" t="s">
        <v>363</v>
      </c>
      <c r="B141" s="2" t="s">
        <v>159</v>
      </c>
      <c r="C141" s="2" t="s">
        <v>368</v>
      </c>
      <c r="D141" s="2" t="s">
        <v>369</v>
      </c>
      <c r="E141" s="2" t="s">
        <v>370</v>
      </c>
      <c r="F141" s="2" t="s">
        <v>371</v>
      </c>
      <c r="G141" s="3">
        <v>1</v>
      </c>
      <c r="H141" s="2" t="s">
        <v>33</v>
      </c>
      <c r="I141" s="3">
        <v>2017</v>
      </c>
      <c r="J141" s="2" t="s">
        <v>142</v>
      </c>
      <c r="K141" s="2"/>
      <c r="L141" s="2" t="s">
        <v>372</v>
      </c>
    </row>
    <row r="142" spans="1:12" ht="15.2" customHeight="1">
      <c r="A142" s="2" t="s">
        <v>363</v>
      </c>
      <c r="B142" s="2" t="s">
        <v>160</v>
      </c>
      <c r="C142" s="2" t="s">
        <v>335</v>
      </c>
      <c r="D142" s="2" t="s">
        <v>336</v>
      </c>
      <c r="E142" s="2" t="s">
        <v>224</v>
      </c>
      <c r="F142" s="2" t="s">
        <v>337</v>
      </c>
      <c r="G142" s="3">
        <v>3</v>
      </c>
      <c r="H142" s="2" t="s">
        <v>33</v>
      </c>
      <c r="I142" s="3">
        <v>2013</v>
      </c>
      <c r="J142" s="2" t="s">
        <v>20</v>
      </c>
      <c r="K142" s="2"/>
      <c r="L142" s="2" t="s">
        <v>338</v>
      </c>
    </row>
    <row r="143" spans="1:12" ht="15.2" customHeight="1">
      <c r="A143" s="2" t="s">
        <v>363</v>
      </c>
      <c r="B143" s="2" t="s">
        <v>161</v>
      </c>
      <c r="C143" s="2" t="s">
        <v>397</v>
      </c>
      <c r="D143" s="2" t="s">
        <v>398</v>
      </c>
      <c r="E143" s="2" t="s">
        <v>72</v>
      </c>
      <c r="F143" s="2" t="s">
        <v>399</v>
      </c>
      <c r="G143" s="3">
        <v>5</v>
      </c>
      <c r="H143" s="2" t="s">
        <v>74</v>
      </c>
      <c r="I143" s="3">
        <v>2019</v>
      </c>
      <c r="J143" s="2" t="s">
        <v>75</v>
      </c>
      <c r="K143" s="2"/>
      <c r="L143" s="2" t="s">
        <v>400</v>
      </c>
    </row>
    <row r="144" spans="1:12" ht="15.2" customHeight="1">
      <c r="A144" s="2" t="s">
        <v>422</v>
      </c>
      <c r="B144" s="2" t="s">
        <v>14</v>
      </c>
      <c r="C144" s="2" t="s">
        <v>423</v>
      </c>
      <c r="D144" s="2" t="s">
        <v>424</v>
      </c>
      <c r="E144" s="2" t="s">
        <v>215</v>
      </c>
      <c r="F144" s="2" t="s">
        <v>425</v>
      </c>
      <c r="G144" s="3">
        <v>5</v>
      </c>
      <c r="H144" s="2" t="s">
        <v>33</v>
      </c>
      <c r="I144" s="3">
        <v>2018</v>
      </c>
      <c r="J144" s="2" t="s">
        <v>20</v>
      </c>
      <c r="K144" s="2"/>
      <c r="L144" s="2" t="s">
        <v>426</v>
      </c>
    </row>
    <row r="145" spans="1:12" ht="15.2" customHeight="1">
      <c r="A145" s="2" t="s">
        <v>422</v>
      </c>
      <c r="B145" s="2" t="s">
        <v>22</v>
      </c>
      <c r="C145" s="2" t="s">
        <v>364</v>
      </c>
      <c r="D145" s="2" t="s">
        <v>365</v>
      </c>
      <c r="E145" s="2" t="s">
        <v>215</v>
      </c>
      <c r="F145" s="2" t="s">
        <v>366</v>
      </c>
      <c r="G145" s="3">
        <v>4</v>
      </c>
      <c r="H145" s="2" t="s">
        <v>33</v>
      </c>
      <c r="I145" s="3">
        <v>2018</v>
      </c>
      <c r="J145" s="2" t="s">
        <v>20</v>
      </c>
      <c r="K145" s="2"/>
      <c r="L145" s="2" t="s">
        <v>367</v>
      </c>
    </row>
    <row r="146" spans="1:12" ht="15.2" customHeight="1">
      <c r="A146" s="2" t="s">
        <v>422</v>
      </c>
      <c r="B146" s="2" t="s">
        <v>28</v>
      </c>
      <c r="C146" s="2" t="s">
        <v>427</v>
      </c>
      <c r="D146" s="2" t="s">
        <v>428</v>
      </c>
      <c r="E146" s="2" t="s">
        <v>370</v>
      </c>
      <c r="F146" s="2" t="s">
        <v>429</v>
      </c>
      <c r="G146" s="3">
        <v>2</v>
      </c>
      <c r="H146" s="2" t="s">
        <v>33</v>
      </c>
      <c r="I146" s="3">
        <v>2017</v>
      </c>
      <c r="J146" s="2" t="s">
        <v>142</v>
      </c>
      <c r="K146" s="2"/>
      <c r="L146" s="2" t="s">
        <v>430</v>
      </c>
    </row>
    <row r="147" spans="1:12" ht="15.2" customHeight="1">
      <c r="A147" s="2" t="s">
        <v>422</v>
      </c>
      <c r="B147" s="2" t="s">
        <v>35</v>
      </c>
      <c r="C147" s="2" t="s">
        <v>96</v>
      </c>
      <c r="D147" s="2" t="s">
        <v>97</v>
      </c>
      <c r="E147" s="2" t="s">
        <v>98</v>
      </c>
      <c r="F147" s="2" t="s">
        <v>99</v>
      </c>
      <c r="G147" s="3">
        <v>4</v>
      </c>
      <c r="H147" s="2" t="s">
        <v>100</v>
      </c>
      <c r="I147" s="3">
        <v>2019</v>
      </c>
      <c r="J147" s="2" t="s">
        <v>20</v>
      </c>
      <c r="K147" s="2"/>
      <c r="L147" s="2" t="s">
        <v>101</v>
      </c>
    </row>
    <row r="148" spans="1:12" ht="15.2" customHeight="1">
      <c r="A148" s="2" t="s">
        <v>422</v>
      </c>
      <c r="B148" s="2" t="s">
        <v>306</v>
      </c>
      <c r="C148" s="2" t="s">
        <v>103</v>
      </c>
      <c r="D148" s="2" t="s">
        <v>104</v>
      </c>
      <c r="E148" s="2" t="s">
        <v>98</v>
      </c>
      <c r="F148" s="2" t="s">
        <v>105</v>
      </c>
      <c r="G148" s="3">
        <v>5</v>
      </c>
      <c r="H148" s="2" t="s">
        <v>100</v>
      </c>
      <c r="I148" s="3">
        <v>2019</v>
      </c>
      <c r="J148" s="2" t="s">
        <v>20</v>
      </c>
      <c r="K148" s="2"/>
      <c r="L148" s="2" t="s">
        <v>106</v>
      </c>
    </row>
    <row r="149" spans="1:12" ht="15.2" customHeight="1">
      <c r="A149" s="2" t="s">
        <v>422</v>
      </c>
      <c r="B149" s="2" t="s">
        <v>227</v>
      </c>
      <c r="C149" s="2" t="s">
        <v>108</v>
      </c>
      <c r="D149" s="2" t="s">
        <v>109</v>
      </c>
      <c r="E149" s="2" t="s">
        <v>98</v>
      </c>
      <c r="F149" s="2" t="s">
        <v>110</v>
      </c>
      <c r="G149" s="3">
        <v>15</v>
      </c>
      <c r="H149" s="2" t="s">
        <v>100</v>
      </c>
      <c r="I149" s="3">
        <v>2018</v>
      </c>
      <c r="J149" s="2" t="s">
        <v>20</v>
      </c>
      <c r="K149" s="2"/>
      <c r="L149" s="2" t="s">
        <v>111</v>
      </c>
    </row>
    <row r="150" spans="1:12" ht="15.2" customHeight="1">
      <c r="A150" s="2" t="s">
        <v>422</v>
      </c>
      <c r="B150" s="2" t="s">
        <v>228</v>
      </c>
      <c r="C150" s="2" t="s">
        <v>431</v>
      </c>
      <c r="D150" s="2" t="s">
        <v>432</v>
      </c>
      <c r="E150" s="2" t="s">
        <v>129</v>
      </c>
      <c r="F150" s="2" t="s">
        <v>433</v>
      </c>
      <c r="G150" s="3">
        <v>1</v>
      </c>
      <c r="H150" s="2" t="s">
        <v>33</v>
      </c>
      <c r="I150" s="3">
        <v>2019</v>
      </c>
      <c r="J150" s="2" t="s">
        <v>20</v>
      </c>
      <c r="K150" s="2"/>
      <c r="L150" s="2" t="s">
        <v>434</v>
      </c>
    </row>
    <row r="151" spans="1:12" ht="15.2" customHeight="1">
      <c r="A151" s="2" t="s">
        <v>422</v>
      </c>
      <c r="B151" s="2" t="s">
        <v>234</v>
      </c>
      <c r="C151" s="2" t="s">
        <v>373</v>
      </c>
      <c r="D151" s="2" t="s">
        <v>374</v>
      </c>
      <c r="E151" s="2" t="s">
        <v>231</v>
      </c>
      <c r="F151" s="2" t="s">
        <v>375</v>
      </c>
      <c r="G151" s="3">
        <v>8</v>
      </c>
      <c r="H151" s="2" t="s">
        <v>33</v>
      </c>
      <c r="I151" s="3">
        <v>2020</v>
      </c>
      <c r="J151" s="2" t="s">
        <v>20</v>
      </c>
      <c r="K151" s="2"/>
      <c r="L151" s="2" t="s">
        <v>376</v>
      </c>
    </row>
    <row r="152" spans="1:12" ht="15.2" customHeight="1">
      <c r="A152" s="2" t="s">
        <v>422</v>
      </c>
      <c r="B152" s="2" t="s">
        <v>239</v>
      </c>
      <c r="C152" s="2" t="s">
        <v>435</v>
      </c>
      <c r="D152" s="2" t="s">
        <v>436</v>
      </c>
      <c r="E152" s="2" t="s">
        <v>437</v>
      </c>
      <c r="F152" s="2" t="s">
        <v>437</v>
      </c>
      <c r="G152" s="3">
        <v>1</v>
      </c>
      <c r="H152" s="2" t="s">
        <v>33</v>
      </c>
      <c r="I152" s="3">
        <v>2013</v>
      </c>
      <c r="J152" s="2" t="s">
        <v>347</v>
      </c>
      <c r="K152" s="2"/>
      <c r="L152" s="2" t="s">
        <v>438</v>
      </c>
    </row>
    <row r="153" spans="1:12" ht="15.2" customHeight="1">
      <c r="A153" s="2" t="s">
        <v>422</v>
      </c>
      <c r="B153" s="2" t="s">
        <v>245</v>
      </c>
      <c r="C153" s="2" t="s">
        <v>439</v>
      </c>
      <c r="D153" s="2" t="s">
        <v>440</v>
      </c>
      <c r="E153" s="2" t="s">
        <v>441</v>
      </c>
      <c r="F153" s="2" t="s">
        <v>441</v>
      </c>
      <c r="G153" s="3">
        <v>1</v>
      </c>
      <c r="H153" s="2" t="s">
        <v>19</v>
      </c>
      <c r="I153" s="3">
        <v>2019</v>
      </c>
      <c r="J153" s="2" t="s">
        <v>20</v>
      </c>
      <c r="K153" s="2"/>
      <c r="L153" s="2" t="s">
        <v>442</v>
      </c>
    </row>
    <row r="154" spans="1:12" ht="15.2" customHeight="1">
      <c r="A154" s="2" t="s">
        <v>422</v>
      </c>
      <c r="B154" s="2" t="s">
        <v>250</v>
      </c>
      <c r="C154" s="2" t="s">
        <v>443</v>
      </c>
      <c r="D154" s="2" t="s">
        <v>444</v>
      </c>
      <c r="E154" s="2" t="s">
        <v>445</v>
      </c>
      <c r="F154" s="2" t="s">
        <v>446</v>
      </c>
      <c r="G154" s="3">
        <v>1</v>
      </c>
      <c r="H154" s="2" t="s">
        <v>26</v>
      </c>
      <c r="I154" s="3">
        <v>2008</v>
      </c>
      <c r="J154" s="2" t="s">
        <v>20</v>
      </c>
      <c r="K154" s="2"/>
      <c r="L154" s="2" t="s">
        <v>447</v>
      </c>
    </row>
    <row r="155" spans="1:12" ht="15.2" customHeight="1">
      <c r="A155" s="2" t="s">
        <v>422</v>
      </c>
      <c r="B155" s="2" t="s">
        <v>255</v>
      </c>
      <c r="C155" s="2" t="s">
        <v>448</v>
      </c>
      <c r="D155" s="2" t="s">
        <v>449</v>
      </c>
      <c r="E155" s="2" t="s">
        <v>449</v>
      </c>
      <c r="F155" s="2" t="s">
        <v>449</v>
      </c>
      <c r="G155" s="3">
        <v>1</v>
      </c>
      <c r="H155" s="2" t="s">
        <v>33</v>
      </c>
      <c r="I155" s="3">
        <v>2014</v>
      </c>
      <c r="J155" s="2" t="s">
        <v>142</v>
      </c>
      <c r="K155" s="2"/>
      <c r="L155" s="2" t="s">
        <v>450</v>
      </c>
    </row>
    <row r="156" spans="1:12" ht="15.2" customHeight="1">
      <c r="A156" s="2" t="s">
        <v>422</v>
      </c>
      <c r="B156" s="2" t="s">
        <v>260</v>
      </c>
      <c r="C156" s="2" t="s">
        <v>451</v>
      </c>
      <c r="D156" s="2" t="s">
        <v>452</v>
      </c>
      <c r="E156" s="2" t="s">
        <v>453</v>
      </c>
      <c r="F156" s="2" t="s">
        <v>454</v>
      </c>
      <c r="G156" s="3">
        <v>1</v>
      </c>
      <c r="H156" s="2" t="s">
        <v>19</v>
      </c>
      <c r="I156" s="3">
        <v>2019</v>
      </c>
      <c r="J156" s="2" t="s">
        <v>347</v>
      </c>
      <c r="K156" s="2"/>
      <c r="L156" s="2" t="s">
        <v>455</v>
      </c>
    </row>
    <row r="157" spans="1:12" ht="15.2" customHeight="1">
      <c r="A157" s="2" t="s">
        <v>422</v>
      </c>
      <c r="B157" s="2" t="s">
        <v>265</v>
      </c>
      <c r="C157" s="2" t="s">
        <v>427</v>
      </c>
      <c r="D157" s="2" t="s">
        <v>428</v>
      </c>
      <c r="E157" s="2" t="s">
        <v>370</v>
      </c>
      <c r="F157" s="2" t="s">
        <v>429</v>
      </c>
      <c r="G157" s="3">
        <v>2</v>
      </c>
      <c r="H157" s="2" t="s">
        <v>33</v>
      </c>
      <c r="I157" s="3">
        <v>2017</v>
      </c>
      <c r="J157" s="2" t="s">
        <v>142</v>
      </c>
      <c r="K157" s="2"/>
      <c r="L157" s="2" t="s">
        <v>430</v>
      </c>
    </row>
    <row r="158" spans="1:12" ht="15.2" customHeight="1">
      <c r="A158" s="2" t="s">
        <v>422</v>
      </c>
      <c r="B158" s="2" t="s">
        <v>270</v>
      </c>
      <c r="C158" s="2" t="s">
        <v>368</v>
      </c>
      <c r="D158" s="2" t="s">
        <v>369</v>
      </c>
      <c r="E158" s="2" t="s">
        <v>370</v>
      </c>
      <c r="F158" s="2" t="s">
        <v>371</v>
      </c>
      <c r="G158" s="3">
        <v>1</v>
      </c>
      <c r="H158" s="2" t="s">
        <v>33</v>
      </c>
      <c r="I158" s="3">
        <v>2017</v>
      </c>
      <c r="J158" s="2" t="s">
        <v>142</v>
      </c>
      <c r="K158" s="2"/>
      <c r="L158" s="2" t="s">
        <v>372</v>
      </c>
    </row>
    <row r="159" spans="1:12" ht="15.2" customHeight="1">
      <c r="A159" s="2" t="s">
        <v>422</v>
      </c>
      <c r="B159" s="2" t="s">
        <v>271</v>
      </c>
      <c r="C159" s="2" t="s">
        <v>431</v>
      </c>
      <c r="D159" s="2" t="s">
        <v>432</v>
      </c>
      <c r="E159" s="2" t="s">
        <v>129</v>
      </c>
      <c r="F159" s="2" t="s">
        <v>433</v>
      </c>
      <c r="G159" s="3">
        <v>1</v>
      </c>
      <c r="H159" s="2" t="s">
        <v>33</v>
      </c>
      <c r="I159" s="3">
        <v>2019</v>
      </c>
      <c r="J159" s="2" t="s">
        <v>20</v>
      </c>
      <c r="K159" s="2"/>
      <c r="L159" s="2" t="s">
        <v>434</v>
      </c>
    </row>
    <row r="160" spans="1:12" ht="15.2" customHeight="1">
      <c r="A160" s="2" t="s">
        <v>422</v>
      </c>
      <c r="B160" s="2" t="s">
        <v>112</v>
      </c>
      <c r="C160" s="2" t="s">
        <v>373</v>
      </c>
      <c r="D160" s="2" t="s">
        <v>374</v>
      </c>
      <c r="E160" s="2" t="s">
        <v>231</v>
      </c>
      <c r="F160" s="2" t="s">
        <v>375</v>
      </c>
      <c r="G160" s="3">
        <v>8</v>
      </c>
      <c r="H160" s="2" t="s">
        <v>33</v>
      </c>
      <c r="I160" s="3">
        <v>2020</v>
      </c>
      <c r="J160" s="2" t="s">
        <v>20</v>
      </c>
      <c r="K160" s="2"/>
      <c r="L160" s="2" t="s">
        <v>376</v>
      </c>
    </row>
    <row r="161" spans="1:12" ht="15.2" customHeight="1">
      <c r="A161" s="2" t="s">
        <v>422</v>
      </c>
      <c r="B161" s="2" t="s">
        <v>117</v>
      </c>
      <c r="C161" s="2" t="s">
        <v>456</v>
      </c>
      <c r="D161" s="2" t="s">
        <v>457</v>
      </c>
      <c r="E161" s="2" t="s">
        <v>98</v>
      </c>
      <c r="F161" s="2" t="s">
        <v>458</v>
      </c>
      <c r="G161" s="3">
        <v>6</v>
      </c>
      <c r="H161" s="2" t="s">
        <v>100</v>
      </c>
      <c r="I161" s="3">
        <v>2019</v>
      </c>
      <c r="J161" s="2" t="s">
        <v>20</v>
      </c>
      <c r="K161" s="2"/>
      <c r="L161" s="2" t="s">
        <v>459</v>
      </c>
    </row>
    <row r="162" spans="1:12" ht="15.2" customHeight="1">
      <c r="A162" s="2" t="s">
        <v>422</v>
      </c>
      <c r="B162" s="2" t="s">
        <v>123</v>
      </c>
      <c r="C162" s="2" t="s">
        <v>460</v>
      </c>
      <c r="D162" s="2" t="s">
        <v>461</v>
      </c>
      <c r="E162" s="2" t="s">
        <v>98</v>
      </c>
      <c r="F162" s="2" t="s">
        <v>462</v>
      </c>
      <c r="G162" s="3">
        <v>7</v>
      </c>
      <c r="H162" s="2" t="s">
        <v>100</v>
      </c>
      <c r="I162" s="3">
        <v>2019</v>
      </c>
      <c r="J162" s="2" t="s">
        <v>20</v>
      </c>
      <c r="K162" s="2"/>
      <c r="L162" s="2" t="s">
        <v>463</v>
      </c>
    </row>
    <row r="163" spans="1:12" ht="15.2" customHeight="1">
      <c r="A163" s="2" t="s">
        <v>422</v>
      </c>
      <c r="B163" s="2" t="s">
        <v>128</v>
      </c>
      <c r="C163" s="2" t="s">
        <v>464</v>
      </c>
      <c r="D163" s="2" t="s">
        <v>465</v>
      </c>
      <c r="E163" s="2" t="s">
        <v>165</v>
      </c>
      <c r="F163" s="2" t="s">
        <v>466</v>
      </c>
      <c r="G163" s="3">
        <v>1</v>
      </c>
      <c r="H163" s="2" t="s">
        <v>100</v>
      </c>
      <c r="I163" s="3">
        <v>2017</v>
      </c>
      <c r="J163" s="2" t="s">
        <v>20</v>
      </c>
      <c r="K163" s="2"/>
      <c r="L163" s="2" t="s">
        <v>467</v>
      </c>
    </row>
    <row r="164" spans="1:12" ht="15.2" customHeight="1">
      <c r="A164" s="2" t="s">
        <v>422</v>
      </c>
      <c r="B164" s="2" t="s">
        <v>211</v>
      </c>
      <c r="C164" s="2" t="s">
        <v>468</v>
      </c>
      <c r="D164" s="2" t="s">
        <v>469</v>
      </c>
      <c r="E164" s="2" t="s">
        <v>165</v>
      </c>
      <c r="F164" s="2" t="s">
        <v>470</v>
      </c>
      <c r="G164" s="3">
        <v>2</v>
      </c>
      <c r="H164" s="2" t="s">
        <v>100</v>
      </c>
      <c r="I164" s="3">
        <v>2017</v>
      </c>
      <c r="J164" s="2" t="s">
        <v>20</v>
      </c>
      <c r="K164" s="2"/>
      <c r="L164" s="2" t="s">
        <v>471</v>
      </c>
    </row>
    <row r="165" spans="1:12" ht="15.2" customHeight="1">
      <c r="A165" s="2" t="s">
        <v>422</v>
      </c>
      <c r="B165" s="2" t="s">
        <v>132</v>
      </c>
      <c r="C165" s="2" t="s">
        <v>472</v>
      </c>
      <c r="D165" s="2" t="s">
        <v>473</v>
      </c>
      <c r="E165" s="2" t="s">
        <v>474</v>
      </c>
      <c r="F165" s="2" t="s">
        <v>475</v>
      </c>
      <c r="G165" s="3">
        <v>1</v>
      </c>
      <c r="H165" s="2" t="s">
        <v>19</v>
      </c>
      <c r="I165" s="3">
        <v>2011</v>
      </c>
      <c r="J165" s="2" t="s">
        <v>142</v>
      </c>
      <c r="K165" s="2"/>
      <c r="L165" s="2" t="s">
        <v>476</v>
      </c>
    </row>
    <row r="166" spans="1:12" ht="15.2" customHeight="1">
      <c r="A166" s="2" t="s">
        <v>422</v>
      </c>
      <c r="B166" s="2" t="s">
        <v>137</v>
      </c>
      <c r="C166" s="2" t="s">
        <v>414</v>
      </c>
      <c r="D166" s="2" t="s">
        <v>415</v>
      </c>
      <c r="E166" s="2" t="s">
        <v>287</v>
      </c>
      <c r="F166" s="2" t="s">
        <v>416</v>
      </c>
      <c r="G166" s="3">
        <v>3</v>
      </c>
      <c r="H166" s="2" t="s">
        <v>74</v>
      </c>
      <c r="I166" s="3">
        <v>2011</v>
      </c>
      <c r="J166" s="2" t="s">
        <v>20</v>
      </c>
      <c r="K166" s="2"/>
      <c r="L166" s="2" t="s">
        <v>417</v>
      </c>
    </row>
    <row r="167" spans="1:12" ht="15.2" customHeight="1">
      <c r="A167" s="2" t="s">
        <v>422</v>
      </c>
      <c r="B167" s="2" t="s">
        <v>144</v>
      </c>
      <c r="C167" s="2" t="s">
        <v>477</v>
      </c>
      <c r="D167" s="2" t="s">
        <v>478</v>
      </c>
      <c r="E167" s="2" t="s">
        <v>292</v>
      </c>
      <c r="F167" s="2" t="s">
        <v>479</v>
      </c>
      <c r="G167" s="3">
        <v>3</v>
      </c>
      <c r="H167" s="2" t="s">
        <v>26</v>
      </c>
      <c r="I167" s="3">
        <v>2009</v>
      </c>
      <c r="J167" s="2" t="s">
        <v>20</v>
      </c>
      <c r="K167" s="2"/>
      <c r="L167" s="2" t="s">
        <v>480</v>
      </c>
    </row>
    <row r="168" spans="1:12" ht="15.2" customHeight="1">
      <c r="A168" s="2" t="s">
        <v>422</v>
      </c>
      <c r="B168" s="2" t="s">
        <v>149</v>
      </c>
      <c r="C168" s="2" t="s">
        <v>423</v>
      </c>
      <c r="D168" s="2" t="s">
        <v>424</v>
      </c>
      <c r="E168" s="2" t="s">
        <v>215</v>
      </c>
      <c r="F168" s="2" t="s">
        <v>425</v>
      </c>
      <c r="G168" s="3">
        <v>5</v>
      </c>
      <c r="H168" s="2" t="s">
        <v>33</v>
      </c>
      <c r="I168" s="3">
        <v>2018</v>
      </c>
      <c r="J168" s="2" t="s">
        <v>20</v>
      </c>
      <c r="K168" s="2"/>
      <c r="L168" s="2" t="s">
        <v>426</v>
      </c>
    </row>
    <row r="169" spans="1:12" ht="15.2" customHeight="1">
      <c r="A169" s="2" t="s">
        <v>422</v>
      </c>
      <c r="B169" s="2" t="s">
        <v>154</v>
      </c>
      <c r="C169" s="2" t="s">
        <v>364</v>
      </c>
      <c r="D169" s="2" t="s">
        <v>365</v>
      </c>
      <c r="E169" s="2" t="s">
        <v>215</v>
      </c>
      <c r="F169" s="2" t="s">
        <v>366</v>
      </c>
      <c r="G169" s="3">
        <v>4</v>
      </c>
      <c r="H169" s="2" t="s">
        <v>33</v>
      </c>
      <c r="I169" s="3">
        <v>2018</v>
      </c>
      <c r="J169" s="2" t="s">
        <v>20</v>
      </c>
      <c r="K169" s="2"/>
      <c r="L169" s="2" t="s">
        <v>367</v>
      </c>
    </row>
    <row r="170" spans="1:12" ht="15.2" customHeight="1">
      <c r="A170" s="2" t="s">
        <v>422</v>
      </c>
      <c r="B170" s="2" t="s">
        <v>159</v>
      </c>
      <c r="C170" s="2" t="s">
        <v>427</v>
      </c>
      <c r="D170" s="2" t="s">
        <v>428</v>
      </c>
      <c r="E170" s="2" t="s">
        <v>370</v>
      </c>
      <c r="F170" s="2" t="s">
        <v>429</v>
      </c>
      <c r="G170" s="3">
        <v>2</v>
      </c>
      <c r="H170" s="2" t="s">
        <v>33</v>
      </c>
      <c r="I170" s="3">
        <v>2017</v>
      </c>
      <c r="J170" s="2" t="s">
        <v>142</v>
      </c>
      <c r="K170" s="2"/>
      <c r="L170" s="2" t="s">
        <v>430</v>
      </c>
    </row>
    <row r="171" spans="1:12" ht="15.2" customHeight="1">
      <c r="A171" s="2" t="s">
        <v>422</v>
      </c>
      <c r="B171" s="2" t="s">
        <v>160</v>
      </c>
      <c r="C171" s="2" t="s">
        <v>368</v>
      </c>
      <c r="D171" s="2" t="s">
        <v>369</v>
      </c>
      <c r="E171" s="2" t="s">
        <v>370</v>
      </c>
      <c r="F171" s="2" t="s">
        <v>371</v>
      </c>
      <c r="G171" s="3">
        <v>1</v>
      </c>
      <c r="H171" s="2" t="s">
        <v>33</v>
      </c>
      <c r="I171" s="3">
        <v>2017</v>
      </c>
      <c r="J171" s="2" t="s">
        <v>142</v>
      </c>
      <c r="K171" s="2"/>
      <c r="L171" s="2" t="s">
        <v>372</v>
      </c>
    </row>
    <row r="172" spans="1:12" ht="15.2" customHeight="1">
      <c r="A172" s="2" t="s">
        <v>422</v>
      </c>
      <c r="B172" s="2" t="s">
        <v>161</v>
      </c>
      <c r="C172" s="2" t="s">
        <v>456</v>
      </c>
      <c r="D172" s="2" t="s">
        <v>457</v>
      </c>
      <c r="E172" s="2" t="s">
        <v>98</v>
      </c>
      <c r="F172" s="2" t="s">
        <v>458</v>
      </c>
      <c r="G172" s="3">
        <v>6</v>
      </c>
      <c r="H172" s="2" t="s">
        <v>100</v>
      </c>
      <c r="I172" s="3">
        <v>2019</v>
      </c>
      <c r="J172" s="2" t="s">
        <v>20</v>
      </c>
      <c r="K172" s="2"/>
      <c r="L172" s="2" t="s">
        <v>459</v>
      </c>
    </row>
    <row r="173" spans="1:12" ht="15.2" customHeight="1">
      <c r="A173" s="2" t="s">
        <v>481</v>
      </c>
      <c r="B173" s="2" t="s">
        <v>14</v>
      </c>
      <c r="C173" s="2" t="s">
        <v>482</v>
      </c>
      <c r="D173" s="2" t="s">
        <v>483</v>
      </c>
      <c r="E173" s="2" t="s">
        <v>484</v>
      </c>
      <c r="F173" s="2" t="s">
        <v>485</v>
      </c>
      <c r="G173" s="3">
        <v>1</v>
      </c>
      <c r="H173" s="2" t="s">
        <v>19</v>
      </c>
      <c r="I173" s="3">
        <v>2015</v>
      </c>
      <c r="J173" s="2" t="s">
        <v>142</v>
      </c>
      <c r="K173" s="2"/>
      <c r="L173" s="2" t="s">
        <v>486</v>
      </c>
    </row>
    <row r="174" spans="1:12" ht="15.2" customHeight="1">
      <c r="A174" s="2" t="s">
        <v>481</v>
      </c>
      <c r="B174" s="2" t="s">
        <v>22</v>
      </c>
      <c r="C174" s="2" t="s">
        <v>423</v>
      </c>
      <c r="D174" s="2" t="s">
        <v>424</v>
      </c>
      <c r="E174" s="2" t="s">
        <v>215</v>
      </c>
      <c r="F174" s="2" t="s">
        <v>425</v>
      </c>
      <c r="G174" s="3">
        <v>5</v>
      </c>
      <c r="H174" s="2" t="s">
        <v>33</v>
      </c>
      <c r="I174" s="3">
        <v>2018</v>
      </c>
      <c r="J174" s="2" t="s">
        <v>20</v>
      </c>
      <c r="K174" s="2"/>
      <c r="L174" s="2" t="s">
        <v>426</v>
      </c>
    </row>
    <row r="175" spans="1:12" ht="15.2" customHeight="1">
      <c r="A175" s="2" t="s">
        <v>481</v>
      </c>
      <c r="B175" s="2" t="s">
        <v>28</v>
      </c>
      <c r="C175" s="2" t="s">
        <v>487</v>
      </c>
      <c r="D175" s="2" t="s">
        <v>488</v>
      </c>
      <c r="E175" s="2" t="s">
        <v>370</v>
      </c>
      <c r="F175" s="2" t="s">
        <v>489</v>
      </c>
      <c r="G175" s="3">
        <v>3</v>
      </c>
      <c r="H175" s="2" t="s">
        <v>33</v>
      </c>
      <c r="I175" s="3">
        <v>2017</v>
      </c>
      <c r="J175" s="2" t="s">
        <v>142</v>
      </c>
      <c r="K175" s="2"/>
      <c r="L175" s="2" t="s">
        <v>490</v>
      </c>
    </row>
    <row r="176" spans="1:12" ht="15.2" customHeight="1">
      <c r="A176" s="2" t="s">
        <v>481</v>
      </c>
      <c r="B176" s="2" t="s">
        <v>35</v>
      </c>
      <c r="C176" s="2" t="s">
        <v>53</v>
      </c>
      <c r="D176" s="2" t="s">
        <v>54</v>
      </c>
      <c r="E176" s="2" t="s">
        <v>55</v>
      </c>
      <c r="F176" s="2" t="s">
        <v>56</v>
      </c>
      <c r="G176" s="3">
        <v>6</v>
      </c>
      <c r="H176" s="2" t="s">
        <v>33</v>
      </c>
      <c r="I176" s="3">
        <v>2018</v>
      </c>
      <c r="J176" s="2" t="s">
        <v>20</v>
      </c>
      <c r="K176" s="2"/>
      <c r="L176" s="2" t="s">
        <v>57</v>
      </c>
    </row>
    <row r="177" spans="1:12" ht="15.2" customHeight="1">
      <c r="A177" s="2" t="s">
        <v>481</v>
      </c>
      <c r="B177" s="2" t="s">
        <v>306</v>
      </c>
      <c r="C177" s="2" t="s">
        <v>59</v>
      </c>
      <c r="D177" s="2" t="s">
        <v>60</v>
      </c>
      <c r="E177" s="2" t="s">
        <v>61</v>
      </c>
      <c r="F177" s="2" t="s">
        <v>62</v>
      </c>
      <c r="G177" s="3">
        <v>1</v>
      </c>
      <c r="H177" s="2" t="s">
        <v>33</v>
      </c>
      <c r="I177" s="3">
        <v>2014</v>
      </c>
      <c r="J177" s="2" t="s">
        <v>20</v>
      </c>
      <c r="K177" s="2"/>
      <c r="L177" s="2" t="s">
        <v>63</v>
      </c>
    </row>
    <row r="178" spans="1:12" ht="15.2" customHeight="1">
      <c r="A178" s="2" t="s">
        <v>481</v>
      </c>
      <c r="B178" s="2" t="s">
        <v>227</v>
      </c>
      <c r="C178" s="2" t="s">
        <v>65</v>
      </c>
      <c r="D178" s="2" t="s">
        <v>66</v>
      </c>
      <c r="E178" s="2" t="s">
        <v>61</v>
      </c>
      <c r="F178" s="2" t="s">
        <v>67</v>
      </c>
      <c r="G178" s="3">
        <v>2</v>
      </c>
      <c r="H178" s="2" t="s">
        <v>33</v>
      </c>
      <c r="I178" s="3">
        <v>2014</v>
      </c>
      <c r="J178" s="2" t="s">
        <v>20</v>
      </c>
      <c r="K178" s="2"/>
      <c r="L178" s="2" t="s">
        <v>68</v>
      </c>
    </row>
    <row r="179" spans="1:12" ht="15.2" customHeight="1">
      <c r="A179" s="2" t="s">
        <v>481</v>
      </c>
      <c r="B179" s="2" t="s">
        <v>228</v>
      </c>
      <c r="C179" s="2" t="s">
        <v>491</v>
      </c>
      <c r="D179" s="2" t="s">
        <v>492</v>
      </c>
      <c r="E179" s="2" t="s">
        <v>129</v>
      </c>
      <c r="F179" s="2" t="s">
        <v>493</v>
      </c>
      <c r="G179" s="3">
        <v>2</v>
      </c>
      <c r="H179" s="2" t="s">
        <v>33</v>
      </c>
      <c r="I179" s="3">
        <v>2019</v>
      </c>
      <c r="J179" s="2" t="s">
        <v>20</v>
      </c>
      <c r="K179" s="2"/>
      <c r="L179" s="2" t="s">
        <v>494</v>
      </c>
    </row>
    <row r="180" spans="1:12" ht="15.2" customHeight="1">
      <c r="A180" s="2" t="s">
        <v>481</v>
      </c>
      <c r="B180" s="2" t="s">
        <v>234</v>
      </c>
      <c r="C180" s="2" t="s">
        <v>431</v>
      </c>
      <c r="D180" s="2" t="s">
        <v>432</v>
      </c>
      <c r="E180" s="2" t="s">
        <v>129</v>
      </c>
      <c r="F180" s="2" t="s">
        <v>433</v>
      </c>
      <c r="G180" s="3">
        <v>1</v>
      </c>
      <c r="H180" s="2" t="s">
        <v>33</v>
      </c>
      <c r="I180" s="3">
        <v>2019</v>
      </c>
      <c r="J180" s="2" t="s">
        <v>20</v>
      </c>
      <c r="K180" s="2"/>
      <c r="L180" s="2" t="s">
        <v>434</v>
      </c>
    </row>
    <row r="181" spans="1:12" ht="15.2" customHeight="1">
      <c r="A181" s="2" t="s">
        <v>481</v>
      </c>
      <c r="B181" s="2" t="s">
        <v>239</v>
      </c>
      <c r="C181" s="2" t="s">
        <v>495</v>
      </c>
      <c r="D181" s="2" t="s">
        <v>496</v>
      </c>
      <c r="E181" s="2" t="s">
        <v>497</v>
      </c>
      <c r="F181" s="2" t="s">
        <v>498</v>
      </c>
      <c r="G181" s="3">
        <v>1</v>
      </c>
      <c r="H181" s="2" t="s">
        <v>19</v>
      </c>
      <c r="I181" s="3">
        <v>2011</v>
      </c>
      <c r="J181" s="2" t="s">
        <v>142</v>
      </c>
      <c r="K181" s="2"/>
      <c r="L181" s="2" t="s">
        <v>499</v>
      </c>
    </row>
    <row r="182" spans="1:12" ht="15.2" customHeight="1">
      <c r="A182" s="2" t="s">
        <v>481</v>
      </c>
      <c r="B182" s="2" t="s">
        <v>245</v>
      </c>
      <c r="C182" s="2" t="s">
        <v>500</v>
      </c>
      <c r="D182" s="2" t="s">
        <v>501</v>
      </c>
      <c r="E182" s="2" t="s">
        <v>497</v>
      </c>
      <c r="F182" s="2" t="s">
        <v>502</v>
      </c>
      <c r="G182" s="3">
        <v>2</v>
      </c>
      <c r="H182" s="2" t="s">
        <v>19</v>
      </c>
      <c r="I182" s="3">
        <v>2011</v>
      </c>
      <c r="J182" s="2" t="s">
        <v>142</v>
      </c>
      <c r="K182" s="2"/>
      <c r="L182" s="2" t="s">
        <v>503</v>
      </c>
    </row>
    <row r="183" spans="1:12" ht="15.2" customHeight="1">
      <c r="A183" s="2" t="s">
        <v>481</v>
      </c>
      <c r="B183" s="2" t="s">
        <v>250</v>
      </c>
      <c r="C183" s="2" t="s">
        <v>504</v>
      </c>
      <c r="D183" s="2" t="s">
        <v>505</v>
      </c>
      <c r="E183" s="2" t="s">
        <v>497</v>
      </c>
      <c r="F183" s="2" t="s">
        <v>506</v>
      </c>
      <c r="G183" s="3">
        <v>3</v>
      </c>
      <c r="H183" s="2" t="s">
        <v>19</v>
      </c>
      <c r="I183" s="3">
        <v>2011</v>
      </c>
      <c r="J183" s="2" t="s">
        <v>142</v>
      </c>
      <c r="K183" s="2"/>
      <c r="L183" s="2" t="s">
        <v>507</v>
      </c>
    </row>
    <row r="184" spans="1:12" ht="15.2" customHeight="1">
      <c r="A184" s="2" t="s">
        <v>481</v>
      </c>
      <c r="B184" s="2" t="s">
        <v>255</v>
      </c>
      <c r="C184" s="2" t="s">
        <v>508</v>
      </c>
      <c r="D184" s="2" t="s">
        <v>509</v>
      </c>
      <c r="E184" s="2" t="s">
        <v>510</v>
      </c>
      <c r="F184" s="2" t="s">
        <v>510</v>
      </c>
      <c r="G184" s="3">
        <v>1</v>
      </c>
      <c r="H184" s="2" t="s">
        <v>511</v>
      </c>
      <c r="I184" s="3">
        <v>2015</v>
      </c>
      <c r="J184" s="2" t="s">
        <v>142</v>
      </c>
      <c r="K184" s="2"/>
      <c r="L184" s="2" t="s">
        <v>512</v>
      </c>
    </row>
    <row r="185" spans="1:12" ht="15.2" customHeight="1">
      <c r="A185" s="2" t="s">
        <v>481</v>
      </c>
      <c r="B185" s="2" t="s">
        <v>265</v>
      </c>
      <c r="C185" s="2" t="s">
        <v>487</v>
      </c>
      <c r="D185" s="2" t="s">
        <v>488</v>
      </c>
      <c r="E185" s="2" t="s">
        <v>370</v>
      </c>
      <c r="F185" s="2" t="s">
        <v>489</v>
      </c>
      <c r="G185" s="3">
        <v>3</v>
      </c>
      <c r="H185" s="2" t="s">
        <v>33</v>
      </c>
      <c r="I185" s="3">
        <v>2017</v>
      </c>
      <c r="J185" s="2" t="s">
        <v>142</v>
      </c>
      <c r="K185" s="2"/>
      <c r="L185" s="2" t="s">
        <v>490</v>
      </c>
    </row>
    <row r="186" spans="1:12" ht="15.2" customHeight="1">
      <c r="A186" s="2" t="s">
        <v>481</v>
      </c>
      <c r="B186" s="2" t="s">
        <v>270</v>
      </c>
      <c r="C186" s="2" t="s">
        <v>427</v>
      </c>
      <c r="D186" s="2" t="s">
        <v>428</v>
      </c>
      <c r="E186" s="2" t="s">
        <v>370</v>
      </c>
      <c r="F186" s="2" t="s">
        <v>429</v>
      </c>
      <c r="G186" s="3">
        <v>2</v>
      </c>
      <c r="H186" s="2" t="s">
        <v>33</v>
      </c>
      <c r="I186" s="3">
        <v>2017</v>
      </c>
      <c r="J186" s="2" t="s">
        <v>142</v>
      </c>
      <c r="K186" s="2"/>
      <c r="L186" s="2" t="s">
        <v>430</v>
      </c>
    </row>
    <row r="187" spans="1:12" ht="15.2" customHeight="1">
      <c r="A187" s="2" t="s">
        <v>481</v>
      </c>
      <c r="B187" s="2" t="s">
        <v>271</v>
      </c>
      <c r="C187" s="2" t="s">
        <v>491</v>
      </c>
      <c r="D187" s="2" t="s">
        <v>492</v>
      </c>
      <c r="E187" s="2" t="s">
        <v>129</v>
      </c>
      <c r="F187" s="2" t="s">
        <v>493</v>
      </c>
      <c r="G187" s="3">
        <v>2</v>
      </c>
      <c r="H187" s="2" t="s">
        <v>33</v>
      </c>
      <c r="I187" s="3">
        <v>2019</v>
      </c>
      <c r="J187" s="2" t="s">
        <v>20</v>
      </c>
      <c r="K187" s="2"/>
      <c r="L187" s="2" t="s">
        <v>494</v>
      </c>
    </row>
    <row r="188" spans="1:12" ht="15.2" customHeight="1">
      <c r="A188" s="2" t="s">
        <v>481</v>
      </c>
      <c r="B188" s="2" t="s">
        <v>112</v>
      </c>
      <c r="C188" s="2" t="s">
        <v>431</v>
      </c>
      <c r="D188" s="2" t="s">
        <v>432</v>
      </c>
      <c r="E188" s="2" t="s">
        <v>129</v>
      </c>
      <c r="F188" s="2" t="s">
        <v>433</v>
      </c>
      <c r="G188" s="3">
        <v>1</v>
      </c>
      <c r="H188" s="2" t="s">
        <v>33</v>
      </c>
      <c r="I188" s="3">
        <v>2019</v>
      </c>
      <c r="J188" s="2" t="s">
        <v>20</v>
      </c>
      <c r="K188" s="2"/>
      <c r="L188" s="2" t="s">
        <v>434</v>
      </c>
    </row>
    <row r="189" spans="1:12" ht="15.2" customHeight="1">
      <c r="A189" s="2" t="s">
        <v>481</v>
      </c>
      <c r="B189" s="2" t="s">
        <v>117</v>
      </c>
      <c r="C189" s="2" t="s">
        <v>513</v>
      </c>
      <c r="D189" s="2" t="s">
        <v>514</v>
      </c>
      <c r="E189" s="2" t="s">
        <v>515</v>
      </c>
      <c r="F189" s="2" t="s">
        <v>516</v>
      </c>
      <c r="G189" s="3">
        <v>1</v>
      </c>
      <c r="H189" s="2" t="s">
        <v>33</v>
      </c>
      <c r="I189" s="3">
        <v>2019</v>
      </c>
      <c r="J189" s="2" t="s">
        <v>20</v>
      </c>
      <c r="K189" s="2"/>
      <c r="L189" s="2" t="s">
        <v>517</v>
      </c>
    </row>
    <row r="190" spans="1:12" ht="15.2" customHeight="1">
      <c r="A190" s="2" t="s">
        <v>481</v>
      </c>
      <c r="B190" s="2" t="s">
        <v>123</v>
      </c>
      <c r="C190" s="2" t="s">
        <v>518</v>
      </c>
      <c r="D190" s="2" t="s">
        <v>519</v>
      </c>
      <c r="E190" s="2" t="s">
        <v>515</v>
      </c>
      <c r="F190" s="2" t="s">
        <v>520</v>
      </c>
      <c r="G190" s="3">
        <v>2</v>
      </c>
      <c r="H190" s="2" t="s">
        <v>33</v>
      </c>
      <c r="I190" s="3">
        <v>2019</v>
      </c>
      <c r="J190" s="2" t="s">
        <v>20</v>
      </c>
      <c r="K190" s="2"/>
      <c r="L190" s="2" t="s">
        <v>521</v>
      </c>
    </row>
    <row r="191" spans="1:12" ht="15.2" customHeight="1">
      <c r="A191" s="2" t="s">
        <v>481</v>
      </c>
      <c r="B191" s="2" t="s">
        <v>128</v>
      </c>
      <c r="C191" s="2" t="s">
        <v>522</v>
      </c>
      <c r="D191" s="2" t="s">
        <v>523</v>
      </c>
      <c r="E191" s="2" t="s">
        <v>515</v>
      </c>
      <c r="F191" s="2" t="s">
        <v>524</v>
      </c>
      <c r="G191" s="3">
        <v>3</v>
      </c>
      <c r="H191" s="2" t="s">
        <v>19</v>
      </c>
      <c r="I191" s="3">
        <v>2019</v>
      </c>
      <c r="J191" s="2" t="s">
        <v>20</v>
      </c>
      <c r="K191" s="2"/>
      <c r="L191" s="2" t="s">
        <v>525</v>
      </c>
    </row>
    <row r="192" spans="1:12" ht="15.2" customHeight="1">
      <c r="A192" s="2" t="s">
        <v>481</v>
      </c>
      <c r="B192" s="2" t="s">
        <v>211</v>
      </c>
      <c r="C192" s="2" t="s">
        <v>526</v>
      </c>
      <c r="D192" s="2" t="s">
        <v>527</v>
      </c>
      <c r="E192" s="2" t="s">
        <v>174</v>
      </c>
      <c r="F192" s="2" t="s">
        <v>528</v>
      </c>
      <c r="G192" s="3">
        <v>4</v>
      </c>
      <c r="H192" s="2" t="s">
        <v>33</v>
      </c>
      <c r="I192" s="3">
        <v>2016</v>
      </c>
      <c r="J192" s="2" t="s">
        <v>20</v>
      </c>
      <c r="K192" s="2"/>
      <c r="L192" s="2" t="s">
        <v>529</v>
      </c>
    </row>
    <row r="193" spans="1:12" ht="15.2" customHeight="1">
      <c r="A193" s="2" t="s">
        <v>481</v>
      </c>
      <c r="B193" s="2" t="s">
        <v>132</v>
      </c>
      <c r="C193" s="2" t="s">
        <v>530</v>
      </c>
      <c r="D193" s="2" t="s">
        <v>531</v>
      </c>
      <c r="E193" s="2" t="s">
        <v>474</v>
      </c>
      <c r="F193" s="2" t="s">
        <v>532</v>
      </c>
      <c r="G193" s="3">
        <v>2</v>
      </c>
      <c r="H193" s="2" t="s">
        <v>19</v>
      </c>
      <c r="I193" s="3">
        <v>2011</v>
      </c>
      <c r="J193" s="2" t="s">
        <v>142</v>
      </c>
      <c r="K193" s="2"/>
      <c r="L193" s="2" t="s">
        <v>533</v>
      </c>
    </row>
    <row r="194" spans="1:12" ht="15.2" customHeight="1">
      <c r="A194" s="2" t="s">
        <v>481</v>
      </c>
      <c r="B194" s="2" t="s">
        <v>137</v>
      </c>
      <c r="C194" s="2" t="s">
        <v>472</v>
      </c>
      <c r="D194" s="2" t="s">
        <v>473</v>
      </c>
      <c r="E194" s="2" t="s">
        <v>474</v>
      </c>
      <c r="F194" s="2" t="s">
        <v>475</v>
      </c>
      <c r="G194" s="3">
        <v>1</v>
      </c>
      <c r="H194" s="2" t="s">
        <v>19</v>
      </c>
      <c r="I194" s="3">
        <v>2011</v>
      </c>
      <c r="J194" s="2" t="s">
        <v>142</v>
      </c>
      <c r="K194" s="2"/>
      <c r="L194" s="2" t="s">
        <v>476</v>
      </c>
    </row>
    <row r="195" spans="1:12" ht="15.2" customHeight="1">
      <c r="A195" s="2" t="s">
        <v>481</v>
      </c>
      <c r="B195" s="2" t="s">
        <v>144</v>
      </c>
      <c r="C195" s="2" t="s">
        <v>290</v>
      </c>
      <c r="D195" s="2" t="s">
        <v>291</v>
      </c>
      <c r="E195" s="2" t="s">
        <v>292</v>
      </c>
      <c r="F195" s="2" t="s">
        <v>293</v>
      </c>
      <c r="G195" s="3">
        <v>4</v>
      </c>
      <c r="H195" s="2" t="s">
        <v>294</v>
      </c>
      <c r="I195" s="3">
        <v>2009</v>
      </c>
      <c r="J195" s="2" t="s">
        <v>20</v>
      </c>
      <c r="K195" s="2"/>
      <c r="L195" s="2" t="s">
        <v>295</v>
      </c>
    </row>
    <row r="196" spans="1:12" ht="15.2" customHeight="1">
      <c r="A196" s="2" t="s">
        <v>481</v>
      </c>
      <c r="B196" s="2" t="s">
        <v>149</v>
      </c>
      <c r="C196" s="2" t="s">
        <v>482</v>
      </c>
      <c r="D196" s="2" t="s">
        <v>483</v>
      </c>
      <c r="E196" s="2" t="s">
        <v>484</v>
      </c>
      <c r="F196" s="2" t="s">
        <v>485</v>
      </c>
      <c r="G196" s="3">
        <v>1</v>
      </c>
      <c r="H196" s="2" t="s">
        <v>19</v>
      </c>
      <c r="I196" s="3">
        <v>2015</v>
      </c>
      <c r="J196" s="2" t="s">
        <v>142</v>
      </c>
      <c r="K196" s="2"/>
      <c r="L196" s="2" t="s">
        <v>486</v>
      </c>
    </row>
    <row r="197" spans="1:12" ht="15.2" customHeight="1">
      <c r="A197" s="2" t="s">
        <v>481</v>
      </c>
      <c r="B197" s="2" t="s">
        <v>154</v>
      </c>
      <c r="C197" s="2" t="s">
        <v>423</v>
      </c>
      <c r="D197" s="2" t="s">
        <v>424</v>
      </c>
      <c r="E197" s="2" t="s">
        <v>215</v>
      </c>
      <c r="F197" s="2" t="s">
        <v>425</v>
      </c>
      <c r="G197" s="3">
        <v>5</v>
      </c>
      <c r="H197" s="2" t="s">
        <v>33</v>
      </c>
      <c r="I197" s="3">
        <v>2018</v>
      </c>
      <c r="J197" s="2" t="s">
        <v>20</v>
      </c>
      <c r="K197" s="2"/>
      <c r="L197" s="2" t="s">
        <v>426</v>
      </c>
    </row>
    <row r="198" spans="1:12" ht="15.2" customHeight="1">
      <c r="A198" s="2" t="s">
        <v>481</v>
      </c>
      <c r="B198" s="2" t="s">
        <v>159</v>
      </c>
      <c r="C198" s="2" t="s">
        <v>487</v>
      </c>
      <c r="D198" s="2" t="s">
        <v>488</v>
      </c>
      <c r="E198" s="2" t="s">
        <v>370</v>
      </c>
      <c r="F198" s="2" t="s">
        <v>489</v>
      </c>
      <c r="G198" s="3">
        <v>3</v>
      </c>
      <c r="H198" s="2" t="s">
        <v>33</v>
      </c>
      <c r="I198" s="3">
        <v>2017</v>
      </c>
      <c r="J198" s="2" t="s">
        <v>142</v>
      </c>
      <c r="K198" s="2"/>
      <c r="L198" s="2" t="s">
        <v>490</v>
      </c>
    </row>
    <row r="199" spans="1:12" ht="15.2" customHeight="1">
      <c r="A199" s="2" t="s">
        <v>481</v>
      </c>
      <c r="B199" s="2" t="s">
        <v>160</v>
      </c>
      <c r="C199" s="2" t="s">
        <v>427</v>
      </c>
      <c r="D199" s="2" t="s">
        <v>428</v>
      </c>
      <c r="E199" s="2" t="s">
        <v>370</v>
      </c>
      <c r="F199" s="2" t="s">
        <v>429</v>
      </c>
      <c r="G199" s="3">
        <v>2</v>
      </c>
      <c r="H199" s="2" t="s">
        <v>33</v>
      </c>
      <c r="I199" s="3">
        <v>2017</v>
      </c>
      <c r="J199" s="2" t="s">
        <v>142</v>
      </c>
      <c r="K199" s="2"/>
      <c r="L199" s="2" t="s">
        <v>430</v>
      </c>
    </row>
    <row r="200" spans="1:12" ht="15.2" customHeight="1">
      <c r="A200" s="2" t="s">
        <v>481</v>
      </c>
      <c r="B200" s="2" t="s">
        <v>161</v>
      </c>
      <c r="C200" s="2" t="s">
        <v>513</v>
      </c>
      <c r="D200" s="2" t="s">
        <v>514</v>
      </c>
      <c r="E200" s="2" t="s">
        <v>515</v>
      </c>
      <c r="F200" s="2" t="s">
        <v>516</v>
      </c>
      <c r="G200" s="3">
        <v>1</v>
      </c>
      <c r="H200" s="2" t="s">
        <v>33</v>
      </c>
      <c r="I200" s="3">
        <v>2019</v>
      </c>
      <c r="J200" s="2" t="s">
        <v>20</v>
      </c>
      <c r="K200" s="2"/>
      <c r="L200" s="2" t="s">
        <v>517</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22T14:37:57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